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202300"/>
  <mc:AlternateContent xmlns:mc="http://schemas.openxmlformats.org/markup-compatibility/2006">
    <mc:Choice Requires="x15">
      <x15ac:absPath xmlns:x15ac="http://schemas.microsoft.com/office/spreadsheetml/2010/11/ac" url="C:\Users\i12167\Downloads\"/>
    </mc:Choice>
  </mc:AlternateContent>
  <xr:revisionPtr revIDLastSave="0" documentId="8_{429ED542-7420-4655-AEC7-5A5960C32295}" xr6:coauthVersionLast="47" xr6:coauthVersionMax="47" xr10:uidLastSave="{00000000-0000-0000-0000-000000000000}"/>
  <bookViews>
    <workbookView xWindow="-120" yWindow="-120" windowWidth="29040" windowHeight="17640" xr2:uid="{56DC0B74-CF28-4900-97D9-CC37E9E85B55}"/>
  </bookViews>
  <sheets>
    <sheet name="CHW Services Benefit Provider I" sheetId="1" r:id="rId1"/>
    <sheet name="CHW Services Benefi - Data List" sheetId="2" r:id="rId2"/>
  </sheets>
  <calcPr calcId="0"/>
</workbook>
</file>

<file path=xl/sharedStrings.xml><?xml version="1.0" encoding="utf-8"?>
<sst xmlns="http://schemas.openxmlformats.org/spreadsheetml/2006/main" count="792" uniqueCount="307">
  <si>
    <t/>
  </si>
  <si>
    <t>Name</t>
  </si>
  <si>
    <t>Organization Website</t>
  </si>
  <si>
    <t>Organization Street Address</t>
  </si>
  <si>
    <t>Organization City</t>
  </si>
  <si>
    <t>Organization State</t>
  </si>
  <si>
    <t>Organization Zip Code</t>
  </si>
  <si>
    <t>Organization Phone Number</t>
  </si>
  <si>
    <t>Contact/Organization Email</t>
  </si>
  <si>
    <t>Service Type_CHW</t>
  </si>
  <si>
    <t>Specialized Target Populations</t>
  </si>
  <si>
    <t>Languages</t>
  </si>
  <si>
    <t>Charmony Foundation Inc</t>
  </si>
  <si>
    <t>https://charmonyfoundation.org/</t>
  </si>
  <si>
    <t>23811 Washington Ave Ste C110-259</t>
  </si>
  <si>
    <t>Murrieta</t>
  </si>
  <si>
    <t>CA</t>
  </si>
  <si>
    <t>92562</t>
  </si>
  <si>
    <t>951-440-4063</t>
  </si>
  <si>
    <t>gazes.sonya@gmail.com</t>
  </si>
  <si>
    <t>Food Insecurity, Health Education, housing navigation, utility assistance, transportation coordination,</t>
  </si>
  <si>
    <t>Adults, Youth, Older Adults, Men, Women</t>
  </si>
  <si>
    <t>English, Spanish</t>
  </si>
  <si>
    <t>Faith In Action of the San Gorgonio Pass</t>
  </si>
  <si>
    <t>https://www.fia-sgp.org/</t>
  </si>
  <si>
    <t>66 S. San Gorgonio Ave #5</t>
  </si>
  <si>
    <t>Banning</t>
  </si>
  <si>
    <t>92220</t>
  </si>
  <si>
    <t>951-293-9603</t>
  </si>
  <si>
    <t>lucycela@fiasgp.org</t>
  </si>
  <si>
    <t>Housing assistance, food distribution, Health Education, Financial Assistance,</t>
  </si>
  <si>
    <t>Unhoused at-risk Adults, youth, Seniors, veternas, justice impacted,</t>
  </si>
  <si>
    <t>Riverside County Black Chamber Health and Wellness Foundation Inc</t>
  </si>
  <si>
    <t>2060 Chicago Ave. A13</t>
  </si>
  <si>
    <t>Riverside</t>
  </si>
  <si>
    <t>92507</t>
  </si>
  <si>
    <t>951-823-0175</t>
  </si>
  <si>
    <t>pepi@riversidecountybcc.org</t>
  </si>
  <si>
    <t>Not Active</t>
  </si>
  <si>
    <t>Not active</t>
  </si>
  <si>
    <t>English</t>
  </si>
  <si>
    <t>Michelles Place Cancer Resource Center</t>
  </si>
  <si>
    <t>https://michellesplace.org/</t>
  </si>
  <si>
    <t>41669 Winchester Rd Ste 101,</t>
  </si>
  <si>
    <t>Temecula</t>
  </si>
  <si>
    <t>92590</t>
  </si>
  <si>
    <t>(951) 699-5455</t>
  </si>
  <si>
    <t>jevans@michellesplace.org</t>
  </si>
  <si>
    <t>Education, Health and wellness classes , comfort care items,, support groups, creative arts, Behavioral health support</t>
  </si>
  <si>
    <t>Cancer patients</t>
  </si>
  <si>
    <t>Pair Team Medical Group of California PC</t>
  </si>
  <si>
    <t>https://www.pairteam.com/</t>
  </si>
  <si>
    <t>2261 Market Street, Ste 10011,</t>
  </si>
  <si>
    <t>San Francisco</t>
  </si>
  <si>
    <t>94114-1612</t>
  </si>
  <si>
    <t>352-575-3949</t>
  </si>
  <si>
    <t>jake@pairteam.com</t>
  </si>
  <si>
    <t>incarcerated, housing resources, Shelter assistance, Food bank services, transportation,Health Navigation, Care Coordination, Social Needs Support, and Health Education and Coaching</t>
  </si>
  <si>
    <t>Adults, children, Older adults</t>
  </si>
  <si>
    <t>Symba Center</t>
  </si>
  <si>
    <t>https://www.symbacenter.org</t>
  </si>
  <si>
    <t>16902 1st St,</t>
  </si>
  <si>
    <t>Victorville</t>
  </si>
  <si>
    <t>92395</t>
  </si>
  <si>
    <t>442-372-7068</t>
  </si>
  <si>
    <t>amartinez@symbacenter.org</t>
  </si>
  <si>
    <t>medical care,  primary care,  checkup &amp; test,  prevent &amp; treat, vaccinations  medication management</t>
  </si>
  <si>
    <t>Adults 18+, immigrants, refugees, undocumented, individuals, low-income, uninsured, limited English and Latino</t>
  </si>
  <si>
    <t>Hearts and Lives</t>
  </si>
  <si>
    <t>https://www.heartsandlives.org</t>
  </si>
  <si>
    <t>24028</t>
  </si>
  <si>
    <t>Crestline</t>
  </si>
  <si>
    <t>is dau</t>
  </si>
  <si>
    <t>909-338-3222</t>
  </si>
  <si>
    <t>lrodriguez@heartsandlives.org</t>
  </si>
  <si>
    <t>Case Management, Disability screening, early childhood intervention, specialized therapy, mental health care, mental health evaluation</t>
  </si>
  <si>
    <t>Children</t>
  </si>
  <si>
    <t>English, American Sign Language, Spanish</t>
  </si>
  <si>
    <t>Christian Development Center</t>
  </si>
  <si>
    <t>https://christiandevelopmentcenter.org/</t>
  </si>
  <si>
    <t>5080 Kingsley St.</t>
  </si>
  <si>
    <t>Montclair</t>
  </si>
  <si>
    <t>91763</t>
  </si>
  <si>
    <t>9093192240</t>
  </si>
  <si>
    <t>pastorrucker@gmail.com</t>
  </si>
  <si>
    <t>Parenting classes, Food and Clothing Distribution</t>
  </si>
  <si>
    <t>Adults, young adults, teens, seniors, caregivers and parents</t>
  </si>
  <si>
    <t>Victor Valley Family Resource Center</t>
  </si>
  <si>
    <t>https://vvfrc.org/</t>
  </si>
  <si>
    <t>16000 Yucca Street</t>
  </si>
  <si>
    <t>Hesperia</t>
  </si>
  <si>
    <t>92345</t>
  </si>
  <si>
    <t>760-669-0300</t>
  </si>
  <si>
    <t>sgreen@vvfrc.com</t>
  </si>
  <si>
    <t>Housing and Utility Assistance, Parenting Education, Case management, educational assistance, life skills, utility assistance, Re-Entry Program, Emergency Food, Mortgage assistance, and substance abuse-prevention/intervention</t>
  </si>
  <si>
    <t>Adults 18+, teens, individuals, families, home owners, home renters, low income</t>
  </si>
  <si>
    <t>Welcome To America</t>
  </si>
  <si>
    <t>etoamericaservices.com</t>
  </si>
  <si>
    <t>17130 Sequoia Street Unit 104</t>
  </si>
  <si>
    <t>760-220-4230</t>
  </si>
  <si>
    <t>info@welcometoamericaservices.com</t>
  </si>
  <si>
    <t>Government benefits, understand government programs. citizenship &amp; immigrants, translations and interpretation, virtual support, permanent resident cards, Medicare support, fee waivers, Lawyer search assistance</t>
  </si>
  <si>
    <t>Adults 18+, immigrants, individuals, families, benefit recipients, limited english</t>
  </si>
  <si>
    <t>English, Interpretation Services, Spanish</t>
  </si>
  <si>
    <t>Operation Grace</t>
  </si>
  <si>
    <t>https://operationgrace.org/</t>
  </si>
  <si>
    <t>1595 Art Townsend Drive</t>
  </si>
  <si>
    <t>San Bernardino</t>
  </si>
  <si>
    <t>92408</t>
  </si>
  <si>
    <t>909-382-8540</t>
  </si>
  <si>
    <t>cmorales@operationgrace.com</t>
  </si>
  <si>
    <t>Emergency housing, women's shelter, case management, transitional housing, low-income housing, permanent housing assistance, counseling, job training, financial assistance, community resouces</t>
  </si>
  <si>
    <t>Adults, young adults, and teens</t>
  </si>
  <si>
    <t>Elder Love USA, Inc.</t>
  </si>
  <si>
    <t>https://www.elderloveusa.org/</t>
  </si>
  <si>
    <t>41550 Eclectic St</t>
  </si>
  <si>
    <t>Palm Desert</t>
  </si>
  <si>
    <t>92260</t>
  </si>
  <si>
    <t>888-336-8322</t>
  </si>
  <si>
    <t>shannon@elderloveusa.org</t>
  </si>
  <si>
    <t>Home Care services, respite care, personal care, Veteran Assistance, Professional Cleaning services</t>
  </si>
  <si>
    <t>Older Adults, Veterans</t>
  </si>
  <si>
    <t>2020 Vision Youth</t>
  </si>
  <si>
    <t>https://2020visionyouth.org/</t>
  </si>
  <si>
    <t>1906 E Commercenter Dr</t>
  </si>
  <si>
    <t>909-893-2782</t>
  </si>
  <si>
    <t>coryhollamon@2020visionyouth.org</t>
  </si>
  <si>
    <t>Mentoring, Life skills training, and physical fitness activities. Mental health support, assistance with housing, transportation, Employment and afterschool programs</t>
  </si>
  <si>
    <t>Ages 13-24</t>
  </si>
  <si>
    <t>Family Service Association</t>
  </si>
  <si>
    <t>https://www.fsaca.org/</t>
  </si>
  <si>
    <t>21250 Box Springs Rd, #212</t>
  </si>
  <si>
    <t>Moreno Valley</t>
  </si>
  <si>
    <t>92557</t>
  </si>
  <si>
    <t>714-343-1102</t>
  </si>
  <si>
    <t>cheryl.hansberger@fsaca.org</t>
  </si>
  <si>
    <t>Meals for Seniors, Child Care, Health Education, emergency food assistance, after school programs, case management, mental health services (therapy for children under 18)</t>
  </si>
  <si>
    <t>Children, Adults, Seniors, Men, woman, Youth</t>
  </si>
  <si>
    <t>Give Something Back</t>
  </si>
  <si>
    <t>https://www.givebackacademy.com/?utm_source=google&amp;utm_medium=wix_google_business_profile&amp;utm_campaign=14719566242498531441</t>
  </si>
  <si>
    <t>11374 Mt. View Ave, Suite D</t>
  </si>
  <si>
    <t>Loma Linda</t>
  </si>
  <si>
    <t>92354</t>
  </si>
  <si>
    <t>951-403-5681</t>
  </si>
  <si>
    <t>cbrown@giveback.ngo</t>
  </si>
  <si>
    <t>School based mentoring programs and coaching</t>
  </si>
  <si>
    <t>Students, and Youth</t>
  </si>
  <si>
    <t>Little Seeds Matter</t>
  </si>
  <si>
    <t>http://www.littleseedsmatter.org/</t>
  </si>
  <si>
    <t>1450 University Ave Ste. F-508</t>
  </si>
  <si>
    <t>951-488-4253</t>
  </si>
  <si>
    <t>info@littleseedsmatter.com</t>
  </si>
  <si>
    <t>Health Education,  Resources</t>
  </si>
  <si>
    <t>Families of young children in Riverside &amp; San Bernardino Counties</t>
  </si>
  <si>
    <t>Adrians World Inc</t>
  </si>
  <si>
    <t>https://adriansworldinc.org/</t>
  </si>
  <si>
    <t>8311 Haven Ave Ste 210</t>
  </si>
  <si>
    <t>Rancho Cucamonga</t>
  </si>
  <si>
    <t>91730</t>
  </si>
  <si>
    <t>909-202-4572</t>
  </si>
  <si>
    <t>f.guzman@adriansworldinc.org</t>
  </si>
  <si>
    <t>Support the disability community through monthly donation distribution of food, toiletries, and caregivers training on socialization, behavior management, and stress reduction.</t>
  </si>
  <si>
    <t>Ages Birth-12 years old</t>
  </si>
  <si>
    <t>His Daughter's House</t>
  </si>
  <si>
    <t>https://www.hisdaughtershouses.org/</t>
  </si>
  <si>
    <t>11741 sterling ave, C2,</t>
  </si>
  <si>
    <t>92503</t>
  </si>
  <si>
    <t>(951) 729-6282</t>
  </si>
  <si>
    <t>dr.mason@daughtershouse.org</t>
  </si>
  <si>
    <t>temporary housing, rapid re-housing, Shelter resources, domestic violence resources, empowerment programs, Legal assistance, mental health and wellness, case management, educational enhancement</t>
  </si>
  <si>
    <t>Women, Adults, Youth, low income, veterans, families, unhoused</t>
  </si>
  <si>
    <t>Asian American Resource Center (AARC)</t>
  </si>
  <si>
    <t>http://www.aarc-ie.org/</t>
  </si>
  <si>
    <t>1133 S E Street</t>
  </si>
  <si>
    <t>909-383-0164</t>
  </si>
  <si>
    <t>christina.aarc@gmail.com</t>
  </si>
  <si>
    <t>Health Education, Interpreting and Translation services, Community service programs, Electricity and utility assistance, after school program, Citizenship support, Mental Health Support, and ESL support,</t>
  </si>
  <si>
    <t>Adults 18+, Individuals, families with children</t>
  </si>
  <si>
    <t>Chinese, English, Hmong, Khmer, Lao, Spanish, Tagalog, and Vietnamese</t>
  </si>
  <si>
    <t>Community Well California</t>
  </si>
  <si>
    <t>https://communitywellca.com/</t>
  </si>
  <si>
    <t>8599 Haven Ave</t>
  </si>
  <si>
    <t>909-990-1155</t>
  </si>
  <si>
    <t>jporter@communitywellca.com</t>
  </si>
  <si>
    <t>Housing support services, housing advice, safety education, financial assistance and financial education</t>
  </si>
  <si>
    <t>Adults, young adults, teens, seniors, homeless, near homeless and low-income</t>
  </si>
  <si>
    <t>Kindful Restoration</t>
  </si>
  <si>
    <t>https://kindfulrestoration.com/</t>
  </si>
  <si>
    <t>7344 Magnolia Ave Suite 110</t>
  </si>
  <si>
    <t>92504</t>
  </si>
  <si>
    <t>9951-934-8183</t>
  </si>
  <si>
    <t>Ernesto@kindfulrestoration.com</t>
  </si>
  <si>
    <t>Housing support (navigation, placement, tenancy support), Utility assistance, Food distribution, clothing and hygiene, digital literacy training, health education, support groups, anger management support, domestic violence support, parenting classes and support, job readiness and placement,</t>
  </si>
  <si>
    <t>Re-entry, gang violence, domestic violence,</t>
  </si>
  <si>
    <t>English,Spanish</t>
  </si>
  <si>
    <t>El Sol Education Center</t>
  </si>
  <si>
    <t>http://elsolnec.org</t>
  </si>
  <si>
    <t>1535 S D Street</t>
  </si>
  <si>
    <t>909-884-3735</t>
  </si>
  <si>
    <t>alexfajardo@elsolnec.org</t>
  </si>
  <si>
    <t>Asthma services, home visits. education, transportation, financial education, High School jump start program, and PEARLS Program</t>
  </si>
  <si>
    <t>Adults 18+, young adults, seniors, immigrants, Latino</t>
  </si>
  <si>
    <t>Red Shoe Project</t>
  </si>
  <si>
    <t>https://www.rspi.org/</t>
  </si>
  <si>
    <t>301 9th St. #401</t>
  </si>
  <si>
    <t>Redlands</t>
  </si>
  <si>
    <t>92374</t>
  </si>
  <si>
    <t>951-491-1971</t>
  </si>
  <si>
    <t>dawnmcjoy@gmail.com</t>
  </si>
  <si>
    <t>Mental Health Education, employee assistance programs, Personal growth development</t>
  </si>
  <si>
    <t>Men, Women, Children</t>
  </si>
  <si>
    <t>Sigma Beta Xi Inc</t>
  </si>
  <si>
    <t>https://www.sbxinc.org/</t>
  </si>
  <si>
    <t>12125 Day St. E303</t>
  </si>
  <si>
    <t>951-742-5077</t>
  </si>
  <si>
    <t>berenice@sbxinc.org</t>
  </si>
  <si>
    <t>Asthma mitigation, youth development, fatherhood programs, housing assistance, food assistance, clothing assistance, utility assistance, family support, crisis intervention</t>
  </si>
  <si>
    <t>Youth, families, young adults,, elderly, undocumented, system-impacted,</t>
  </si>
  <si>
    <t>The Empowerment Center</t>
  </si>
  <si>
    <t>https://theempowermentcenterintl.com/</t>
  </si>
  <si>
    <t>27262 Via Industria</t>
  </si>
  <si>
    <t>951-514-2939</t>
  </si>
  <si>
    <t>tlewis@theempowermentcenterintl.com</t>
  </si>
  <si>
    <t>Youth leadership. emotional wellness, mental health, trauma informed practices, housing programs</t>
  </si>
  <si>
    <t>Youth and families</t>
  </si>
  <si>
    <t>The Happier Life Project</t>
  </si>
  <si>
    <t>https://thehappierlifeproject.org/</t>
  </si>
  <si>
    <t>506 W Graham Ave 106</t>
  </si>
  <si>
    <t>Lake Elsinore</t>
  </si>
  <si>
    <t>92530</t>
  </si>
  <si>
    <t>888-638-8457</t>
  </si>
  <si>
    <t>Carolina@happierlifeproject.org</t>
  </si>
  <si>
    <t>Peer support,  family support groups, substance abuse disorders, Life skills development, Justice impacted, re-entry, Medi-Cal application specialist</t>
  </si>
  <si>
    <t>re-entry, unhoused, low-income, men, woman, youth</t>
  </si>
  <si>
    <t>Vision Y Compromiso</t>
  </si>
  <si>
    <t>https://visionycompromiso.org/</t>
  </si>
  <si>
    <t>1000 N. Alameda St.</t>
  </si>
  <si>
    <t>Los Angeles</t>
  </si>
  <si>
    <t>90012</t>
  </si>
  <si>
    <t>323-873-6940</t>
  </si>
  <si>
    <t>carol@visionycompromiso.org</t>
  </si>
  <si>
    <t>Health Education, workforce development, technical assistance</t>
  </si>
  <si>
    <t>Men, woman, children</t>
  </si>
  <si>
    <t>WonderLab</t>
  </si>
  <si>
    <t>https://www.thewonderlab.org/</t>
  </si>
  <si>
    <t>0431 Commerce Street, suite A,</t>
  </si>
  <si>
    <t>909-735-7654</t>
  </si>
  <si>
    <t>Rhonda@thewonderlab.org</t>
  </si>
  <si>
    <t>Resources for Children in special needs</t>
  </si>
  <si>
    <t>Children with special needs</t>
  </si>
  <si>
    <t>Life Builders Incorporated/Life Builders Family Counseling Corp.</t>
  </si>
  <si>
    <t>https://life-builders.org/</t>
  </si>
  <si>
    <t>10808 Foothill Blvd #160-154</t>
  </si>
  <si>
    <t>626-469-1158</t>
  </si>
  <si>
    <t>jbetts@life-builders.org</t>
  </si>
  <si>
    <t>Mentorship, life, social, emotional and physical skills, educational, vocational, visual arts and physical fitness programs, after school program, family counseling, and Employment readiness</t>
  </si>
  <si>
    <t>Youth ages 8-19, Young Adults 16-24 and adults with developmental disabilities</t>
  </si>
  <si>
    <t>MoldingHearts.Org</t>
  </si>
  <si>
    <t>https://moldinghearts.org/</t>
  </si>
  <si>
    <t>6805 Prescott Ave.</t>
  </si>
  <si>
    <t>Yucca Valley</t>
  </si>
  <si>
    <t>92284</t>
  </si>
  <si>
    <t>951-464-8587</t>
  </si>
  <si>
    <t>moldinghearts.org@gmail.com</t>
  </si>
  <si>
    <t>Housing, Mentoring Group, Job Placement, Job Coaching, Life skills, youth feeding program, laundry facilities and short to long-term housing</t>
  </si>
  <si>
    <t>Ages 18-24</t>
  </si>
  <si>
    <t>Mom and Dad Project</t>
  </si>
  <si>
    <t>https://momanddadproject.com/</t>
  </si>
  <si>
    <t>41820 Garstin Dr.</t>
  </si>
  <si>
    <t>Big Bear Lake</t>
  </si>
  <si>
    <t>92315</t>
  </si>
  <si>
    <t>909-878-2326</t>
  </si>
  <si>
    <t>megmeadors@hotmail.com</t>
  </si>
  <si>
    <t>Childbirth Classes, parenting education, maternity care, government, and  ESL benefits</t>
  </si>
  <si>
    <t>Adults 18+, families with children, Latino</t>
  </si>
  <si>
    <t>Restore Unity Incorporated</t>
  </si>
  <si>
    <t>https://www.restoreunity.org/</t>
  </si>
  <si>
    <t>17508 Hercules St. Ste. B6</t>
  </si>
  <si>
    <t>760-488-7971</t>
  </si>
  <si>
    <t>aaronc@restoreunity.com</t>
  </si>
  <si>
    <t>Food pantry, Clothing Closet, and Community Outreach Programs</t>
  </si>
  <si>
    <t>All ages</t>
  </si>
  <si>
    <t>Sahaba Initiative</t>
  </si>
  <si>
    <t>https://www.sahabainitiative.org/</t>
  </si>
  <si>
    <t>1887 Business Center Drive #3</t>
  </si>
  <si>
    <t>909-381-3002</t>
  </si>
  <si>
    <t>janette@sahabainitiative.org</t>
  </si>
  <si>
    <t>Emergency Financial Assistance, Food Distribution, Support Groups, Mental Health Services, and Fresh Start Program</t>
  </si>
  <si>
    <t>Adults, young adults, teens, and children,</t>
  </si>
  <si>
    <t>Sickle Cell Disease Foundation</t>
  </si>
  <si>
    <t>https://www.scdfc.org/</t>
  </si>
  <si>
    <t>3602 Inland Empire Blvd Ste C315</t>
  </si>
  <si>
    <t>Ontario</t>
  </si>
  <si>
    <t>91764</t>
  </si>
  <si>
    <t>909-743-5226 Ext 121</t>
  </si>
  <si>
    <t>ashleyw@scdfc.org</t>
  </si>
  <si>
    <t>Health Education, Counseling, Individual counseling, support network, one-on-one support,</t>
  </si>
  <si>
    <t>Adults, young adults, teens, children, seniors, and caregivers</t>
  </si>
  <si>
    <t>Rialto Family Health Services Inc.</t>
  </si>
  <si>
    <t>https://www.rialtofamilyhealthservices.com/</t>
  </si>
  <si>
    <t>214 N. Palm Ave Suite 504</t>
  </si>
  <si>
    <t>Rialto</t>
  </si>
  <si>
    <t>92376</t>
  </si>
  <si>
    <t>909-685-3897</t>
  </si>
  <si>
    <t>rialtofamilyhealthsvcs@gmail.com</t>
  </si>
  <si>
    <t>Veteran assistance, mental health and addiction support,  Case management, Advocacy for legal aid, assist with looking for employment,</t>
  </si>
  <si>
    <t>Adults 18+, seniors, caregivers,  disable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0"/>
      <name val="Arial"/>
    </font>
    <font>
      <sz val="10"/>
      <color indexed="8"/>
      <name val="Arial"/>
    </font>
    <font>
      <sz val="10"/>
      <color indexed="13"/>
      <name val="Arial"/>
    </font>
    <font>
      <sz val="10"/>
      <color indexed="13"/>
      <name val="Arial"/>
    </font>
    <font>
      <sz val="10"/>
      <color indexed="54"/>
      <name val="Arial"/>
    </font>
  </fonts>
  <fills count="3">
    <fill>
      <patternFill patternType="none"/>
    </fill>
    <fill>
      <patternFill patternType="gray125"/>
    </fill>
    <fill>
      <patternFill patternType="solid">
        <fgColor indexed="9"/>
        <bgColor indexed="64"/>
      </patternFill>
    </fill>
  </fills>
  <borders count="3">
    <border>
      <left/>
      <right/>
      <top/>
      <bottom/>
      <diagonal/>
    </border>
    <border>
      <left style="thin">
        <color indexed="9"/>
      </left>
      <right style="thin">
        <color indexed="12"/>
      </right>
      <top style="thin">
        <color indexed="11"/>
      </top>
      <bottom style="thin">
        <color indexed="10"/>
      </bottom>
      <diagonal/>
    </border>
    <border>
      <left style="thin">
        <color indexed="12"/>
      </left>
      <right style="thin">
        <color indexed="12"/>
      </right>
      <top style="thin">
        <color indexed="12"/>
      </top>
      <bottom style="thin">
        <color indexed="12"/>
      </bottom>
      <diagonal/>
    </border>
  </borders>
  <cellStyleXfs count="1">
    <xf numFmtId="0" fontId="0" fillId="0" borderId="0"/>
  </cellStyleXfs>
  <cellXfs count="5">
    <xf numFmtId="0" fontId="0" fillId="0" borderId="0" xfId="0"/>
    <xf numFmtId="0" fontId="1" fillId="2" borderId="1" xfId="0" applyFont="1" applyFill="1" applyBorder="1" applyAlignment="1">
      <alignment wrapText="1"/>
    </xf>
    <xf numFmtId="0" fontId="2" fillId="0" borderId="0" xfId="0" applyFont="1" applyAlignment="1">
      <alignment wrapText="1"/>
    </xf>
    <xf numFmtId="0" fontId="3" fillId="0" borderId="2" xfId="0" applyFont="1" applyBorder="1" applyAlignment="1">
      <alignment wrapText="1"/>
    </xf>
    <xf numFmtId="0" fontId="4" fillId="0" borderId="2" xfId="0" applyFont="1" applyBorder="1" applyAlignment="1">
      <alignment wrapText="1"/>
    </xf>
  </cellXfs>
  <cellStyles count="1">
    <cellStyle name="Normal" xfId="0" builtinId="0"/>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555555"/>
      <rgbColor rgb="00F3F3F3"/>
      <rgbColor rgb="00444444"/>
      <rgbColor rgb="00AAAAAA"/>
      <rgbColor rgb="00CCCCCC"/>
      <rgbColor rgb="000000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s://iehp.my.workfront.com/issue/view?ID=67acf57a0000e59e043ee2e5260bb935" TargetMode="External"/><Relationship Id="rId18" Type="http://schemas.openxmlformats.org/officeDocument/2006/relationships/hyperlink" Target="https://iehp.my.workfront.com/issue/view?ID=67ad034a00011d77246ee63f8a6ac0c2" TargetMode="External"/><Relationship Id="rId26" Type="http://schemas.openxmlformats.org/officeDocument/2006/relationships/hyperlink" Target="https://iehp.my.workfront.com/issue/view?ID=67ad448b000068eaff38bd172ed02b7d" TargetMode="External"/><Relationship Id="rId3" Type="http://schemas.openxmlformats.org/officeDocument/2006/relationships/hyperlink" Target="https://iehp.my.workfront.com/issue/view?ID=67a3a937000136e2d96d6e86b0094fdd" TargetMode="External"/><Relationship Id="rId21" Type="http://schemas.openxmlformats.org/officeDocument/2006/relationships/hyperlink" Target="https://iehp.my.workfront.com/issue/view?ID=67ad11a500023689b5650bdb37cc2c9a" TargetMode="External"/><Relationship Id="rId34" Type="http://schemas.openxmlformats.org/officeDocument/2006/relationships/hyperlink" Target="https://iehp.my.workfront.com/issue/view?ID=67ae5dec000009892dd9dab392d1f795" TargetMode="External"/><Relationship Id="rId7" Type="http://schemas.openxmlformats.org/officeDocument/2006/relationships/hyperlink" Target="https://iehp.my.workfront.com/issue/view?ID=67a6529500010892af1bf91c7c196811" TargetMode="External"/><Relationship Id="rId12" Type="http://schemas.openxmlformats.org/officeDocument/2006/relationships/hyperlink" Target="https://iehp.my.workfront.com/issue/view?ID=67acf1f500006455a1d0abb8fed26b2c" TargetMode="External"/><Relationship Id="rId17" Type="http://schemas.openxmlformats.org/officeDocument/2006/relationships/hyperlink" Target="https://iehp.my.workfront.com/issue/view?ID=67acfe850002e0d87f4faf87647ec224" TargetMode="External"/><Relationship Id="rId25" Type="http://schemas.openxmlformats.org/officeDocument/2006/relationships/hyperlink" Target="https://iehp.my.workfront.com/issue/view?ID=67ad42be0000554b491eae56f9c64f4d" TargetMode="External"/><Relationship Id="rId33" Type="http://schemas.openxmlformats.org/officeDocument/2006/relationships/hyperlink" Target="https://iehp.my.workfront.com/issue/view?ID=67ae553e00012c1b2c046f1ae1f14794" TargetMode="External"/><Relationship Id="rId2" Type="http://schemas.openxmlformats.org/officeDocument/2006/relationships/hyperlink" Target="https://iehp.my.workfront.com/issue/view?ID=67a3a55b00023423c436739de77e7bbf" TargetMode="External"/><Relationship Id="rId16" Type="http://schemas.openxmlformats.org/officeDocument/2006/relationships/hyperlink" Target="https://iehp.my.workfront.com/issue/view?ID=67acfa000001bc921c75e73611dd3171" TargetMode="External"/><Relationship Id="rId20" Type="http://schemas.openxmlformats.org/officeDocument/2006/relationships/hyperlink" Target="https://iehp.my.workfront.com/issue/view?ID=67ad11190000662048c4084385b62b41" TargetMode="External"/><Relationship Id="rId29" Type="http://schemas.openxmlformats.org/officeDocument/2006/relationships/hyperlink" Target="https://iehp.my.workfront.com/issue/view?ID=67ae3fb10002870d1e0b53c63ec122d1" TargetMode="External"/><Relationship Id="rId1" Type="http://schemas.openxmlformats.org/officeDocument/2006/relationships/hyperlink" Target="https://iehp.my.workfront.com/issue/view?ID=67a244270003480b8b0c814acc7bf7bf" TargetMode="External"/><Relationship Id="rId6" Type="http://schemas.openxmlformats.org/officeDocument/2006/relationships/hyperlink" Target="https://iehp.my.workfront.com/issue/view?ID=67a6504e00025d21d1a9760e641707f0" TargetMode="External"/><Relationship Id="rId11" Type="http://schemas.openxmlformats.org/officeDocument/2006/relationships/hyperlink" Target="https://iehp.my.workfront.com/issue/view?ID=67acdb61000007f283ab7599079b1398" TargetMode="External"/><Relationship Id="rId24" Type="http://schemas.openxmlformats.org/officeDocument/2006/relationships/hyperlink" Target="https://iehp.my.workfront.com/issue/view?ID=67ad3dcd00015bdd1795a062c53c6ead" TargetMode="External"/><Relationship Id="rId32" Type="http://schemas.openxmlformats.org/officeDocument/2006/relationships/hyperlink" Target="https://iehp.my.workfront.com/issue/view?ID=67ae4ea30002e764f24f803df91f5088" TargetMode="External"/><Relationship Id="rId5" Type="http://schemas.openxmlformats.org/officeDocument/2006/relationships/hyperlink" Target="https://iehp.my.workfront.com/issue/view?ID=67a3ad8b0002622a671fde3e53c46b26" TargetMode="External"/><Relationship Id="rId15" Type="http://schemas.openxmlformats.org/officeDocument/2006/relationships/hyperlink" Target="https://iehp.my.workfront.com/issue/view?ID=67acf89e00016bda422d2e2a42c102a7" TargetMode="External"/><Relationship Id="rId23" Type="http://schemas.openxmlformats.org/officeDocument/2006/relationships/hyperlink" Target="https://iehp.my.workfront.com/issue/view?ID=67ad3c3400012c7d27be2094fd05ebdf" TargetMode="External"/><Relationship Id="rId28" Type="http://schemas.openxmlformats.org/officeDocument/2006/relationships/hyperlink" Target="https://iehp.my.workfront.com/issue/view?ID=67ad4b680000bec500575f36f3833211" TargetMode="External"/><Relationship Id="rId10" Type="http://schemas.openxmlformats.org/officeDocument/2006/relationships/hyperlink" Target="https://iehp.my.workfront.com/issue/view?ID=67ab90e90002d731e2a10816e593aa07" TargetMode="External"/><Relationship Id="rId19" Type="http://schemas.openxmlformats.org/officeDocument/2006/relationships/hyperlink" Target="https://iehp.my.workfront.com/issue/view?ID=67ad05130000ecdf1135236f0db5b5fc" TargetMode="External"/><Relationship Id="rId31" Type="http://schemas.openxmlformats.org/officeDocument/2006/relationships/hyperlink" Target="https://iehp.my.workfront.com/issue/view?ID=67ae45c500002d74883ff95d43d2f186" TargetMode="External"/><Relationship Id="rId4" Type="http://schemas.openxmlformats.org/officeDocument/2006/relationships/hyperlink" Target="https://iehp.my.workfront.com/issue/view?ID=67a3ab0a00018fd352edde5007720079" TargetMode="External"/><Relationship Id="rId9" Type="http://schemas.openxmlformats.org/officeDocument/2006/relationships/hyperlink" Target="https://iehp.my.workfront.com/issue/view?ID=67ab8e180000c556b1a054c13f55bfec" TargetMode="External"/><Relationship Id="rId14" Type="http://schemas.openxmlformats.org/officeDocument/2006/relationships/hyperlink" Target="https://iehp.my.workfront.com/issue/view?ID=67acf75f00013b9e8af6bf42e9a63f6f" TargetMode="External"/><Relationship Id="rId22" Type="http://schemas.openxmlformats.org/officeDocument/2006/relationships/hyperlink" Target="https://iehp.my.workfront.com/issue/view?ID=67ad13ec00000249cb2f21797ad54351" TargetMode="External"/><Relationship Id="rId27" Type="http://schemas.openxmlformats.org/officeDocument/2006/relationships/hyperlink" Target="https://iehp.my.workfront.com/issue/view?ID=67ad47c3000093b8c8fb2a47d7ae5e15" TargetMode="External"/><Relationship Id="rId30" Type="http://schemas.openxmlformats.org/officeDocument/2006/relationships/hyperlink" Target="https://iehp.my.workfront.com/issue/view?ID=67ae44760004be88e4f1087571c7afe5" TargetMode="External"/><Relationship Id="rId35" Type="http://schemas.openxmlformats.org/officeDocument/2006/relationships/hyperlink" Target="https://iehp.my.workfront.com/issue/view?ID=67db1e9f00022172c4ff2593a1028bdb" TargetMode="External"/><Relationship Id="rId8" Type="http://schemas.openxmlformats.org/officeDocument/2006/relationships/hyperlink" Target="https://iehp.my.workfront.com/issue/view?ID=67aa3433000259e079809e8b7f40da49"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419B8F-F6D2-4FE1-A227-CDE617FC65A9}">
  <dimension ref="A1:K36"/>
  <sheetViews>
    <sheetView tabSelected="1" workbookViewId="0"/>
  </sheetViews>
  <sheetFormatPr defaultRowHeight="12.75" x14ac:dyDescent="0.2"/>
  <cols>
    <col min="1" max="1" width="65" customWidth="1"/>
    <col min="2" max="2" width="100" customWidth="1"/>
    <col min="3" max="3" width="33" customWidth="1"/>
    <col min="4" max="4" width="17" customWidth="1"/>
    <col min="5" max="5" width="18" customWidth="1"/>
    <col min="6" max="6" width="21" customWidth="1"/>
    <col min="7" max="7" width="25" customWidth="1"/>
    <col min="8" max="8" width="35" customWidth="1"/>
    <col min="9" max="10" width="100" customWidth="1"/>
    <col min="11" max="11" width="69" customWidth="1"/>
  </cols>
  <sheetData>
    <row r="1" spans="1:11" x14ac:dyDescent="0.2">
      <c r="A1" s="1" t="s">
        <v>1</v>
      </c>
      <c r="B1" s="1" t="s">
        <v>2</v>
      </c>
      <c r="C1" s="1" t="s">
        <v>3</v>
      </c>
      <c r="D1" s="1" t="s">
        <v>4</v>
      </c>
      <c r="E1" s="1" t="s">
        <v>5</v>
      </c>
      <c r="F1" s="1" t="s">
        <v>6</v>
      </c>
      <c r="G1" s="1" t="s">
        <v>7</v>
      </c>
      <c r="H1" s="1" t="s">
        <v>8</v>
      </c>
      <c r="I1" s="1" t="s">
        <v>9</v>
      </c>
      <c r="J1" s="1" t="s">
        <v>10</v>
      </c>
      <c r="K1" s="1" t="s">
        <v>11</v>
      </c>
    </row>
    <row r="2" spans="1:11" x14ac:dyDescent="0.2">
      <c r="A2" s="4" t="s">
        <v>12</v>
      </c>
      <c r="B2" s="3" t="s">
        <v>13</v>
      </c>
      <c r="C2" s="3" t="s">
        <v>14</v>
      </c>
      <c r="D2" s="3" t="s">
        <v>15</v>
      </c>
      <c r="E2" s="3" t="s">
        <v>16</v>
      </c>
      <c r="F2" s="3" t="s">
        <v>17</v>
      </c>
      <c r="G2" s="3" t="s">
        <v>18</v>
      </c>
      <c r="H2" s="3" t="s">
        <v>19</v>
      </c>
      <c r="I2" s="3" t="s">
        <v>20</v>
      </c>
      <c r="J2" s="3" t="s">
        <v>21</v>
      </c>
      <c r="K2" s="3" t="s">
        <v>22</v>
      </c>
    </row>
    <row r="3" spans="1:11" x14ac:dyDescent="0.2">
      <c r="A3" s="4" t="s">
        <v>23</v>
      </c>
      <c r="B3" s="3" t="s">
        <v>24</v>
      </c>
      <c r="C3" s="3" t="s">
        <v>25</v>
      </c>
      <c r="D3" s="3" t="s">
        <v>26</v>
      </c>
      <c r="E3" s="3" t="s">
        <v>16</v>
      </c>
      <c r="F3" s="3" t="s">
        <v>27</v>
      </c>
      <c r="G3" s="3" t="s">
        <v>28</v>
      </c>
      <c r="H3" s="3" t="s">
        <v>29</v>
      </c>
      <c r="I3" s="3" t="s">
        <v>30</v>
      </c>
      <c r="J3" s="3" t="s">
        <v>31</v>
      </c>
      <c r="K3" s="3" t="s">
        <v>22</v>
      </c>
    </row>
    <row r="4" spans="1:11" x14ac:dyDescent="0.2">
      <c r="A4" s="4" t="s">
        <v>32</v>
      </c>
      <c r="B4" s="3" t="s">
        <v>0</v>
      </c>
      <c r="C4" s="3" t="s">
        <v>33</v>
      </c>
      <c r="D4" s="3" t="s">
        <v>34</v>
      </c>
      <c r="E4" s="3" t="s">
        <v>16</v>
      </c>
      <c r="F4" s="3" t="s">
        <v>35</v>
      </c>
      <c r="G4" s="3" t="s">
        <v>36</v>
      </c>
      <c r="H4" s="3" t="s">
        <v>37</v>
      </c>
      <c r="I4" s="3" t="s">
        <v>38</v>
      </c>
      <c r="J4" s="3" t="s">
        <v>39</v>
      </c>
      <c r="K4" s="3" t="s">
        <v>40</v>
      </c>
    </row>
    <row r="5" spans="1:11" ht="25.5" x14ac:dyDescent="0.2">
      <c r="A5" s="4" t="s">
        <v>41</v>
      </c>
      <c r="B5" s="3" t="s">
        <v>42</v>
      </c>
      <c r="C5" s="3" t="s">
        <v>43</v>
      </c>
      <c r="D5" s="3" t="s">
        <v>44</v>
      </c>
      <c r="E5" s="3" t="s">
        <v>16</v>
      </c>
      <c r="F5" s="3" t="s">
        <v>45</v>
      </c>
      <c r="G5" s="3" t="s">
        <v>46</v>
      </c>
      <c r="H5" s="3" t="s">
        <v>47</v>
      </c>
      <c r="I5" s="3" t="s">
        <v>48</v>
      </c>
      <c r="J5" s="3" t="s">
        <v>49</v>
      </c>
      <c r="K5" s="3" t="s">
        <v>40</v>
      </c>
    </row>
    <row r="6" spans="1:11" ht="25.5" x14ac:dyDescent="0.2">
      <c r="A6" s="4" t="s">
        <v>50</v>
      </c>
      <c r="B6" s="3" t="s">
        <v>51</v>
      </c>
      <c r="C6" s="3" t="s">
        <v>52</v>
      </c>
      <c r="D6" s="3" t="s">
        <v>53</v>
      </c>
      <c r="E6" s="3" t="s">
        <v>16</v>
      </c>
      <c r="F6" s="3" t="s">
        <v>54</v>
      </c>
      <c r="G6" s="3" t="s">
        <v>55</v>
      </c>
      <c r="H6" s="3" t="s">
        <v>56</v>
      </c>
      <c r="I6" s="3" t="s">
        <v>57</v>
      </c>
      <c r="J6" s="3" t="s">
        <v>58</v>
      </c>
      <c r="K6" s="3" t="s">
        <v>22</v>
      </c>
    </row>
    <row r="7" spans="1:11" x14ac:dyDescent="0.2">
      <c r="A7" s="4" t="s">
        <v>59</v>
      </c>
      <c r="B7" s="3" t="s">
        <v>60</v>
      </c>
      <c r="C7" s="3" t="s">
        <v>61</v>
      </c>
      <c r="D7" s="3" t="s">
        <v>62</v>
      </c>
      <c r="E7" s="3" t="s">
        <v>16</v>
      </c>
      <c r="F7" s="3" t="s">
        <v>63</v>
      </c>
      <c r="G7" s="3" t="s">
        <v>64</v>
      </c>
      <c r="H7" s="3" t="s">
        <v>65</v>
      </c>
      <c r="I7" s="3" t="s">
        <v>66</v>
      </c>
      <c r="J7" s="3" t="s">
        <v>67</v>
      </c>
      <c r="K7" s="3" t="s">
        <v>22</v>
      </c>
    </row>
    <row r="8" spans="1:11" ht="25.5" x14ac:dyDescent="0.2">
      <c r="A8" s="4" t="s">
        <v>68</v>
      </c>
      <c r="B8" s="3" t="s">
        <v>69</v>
      </c>
      <c r="C8" s="3" t="s">
        <v>70</v>
      </c>
      <c r="D8" s="3" t="s">
        <v>71</v>
      </c>
      <c r="E8" s="3" t="s">
        <v>16</v>
      </c>
      <c r="F8" s="3" t="s">
        <v>72</v>
      </c>
      <c r="G8" s="3" t="s">
        <v>73</v>
      </c>
      <c r="H8" s="3" t="s">
        <v>74</v>
      </c>
      <c r="I8" s="3" t="s">
        <v>75</v>
      </c>
      <c r="J8" s="3" t="s">
        <v>76</v>
      </c>
      <c r="K8" s="3" t="s">
        <v>77</v>
      </c>
    </row>
    <row r="9" spans="1:11" x14ac:dyDescent="0.2">
      <c r="A9" s="4" t="s">
        <v>78</v>
      </c>
      <c r="B9" s="3" t="s">
        <v>79</v>
      </c>
      <c r="C9" s="3" t="s">
        <v>80</v>
      </c>
      <c r="D9" s="3" t="s">
        <v>81</v>
      </c>
      <c r="E9" s="3" t="s">
        <v>16</v>
      </c>
      <c r="F9" s="3" t="s">
        <v>82</v>
      </c>
      <c r="G9" s="3" t="s">
        <v>83</v>
      </c>
      <c r="H9" s="3" t="s">
        <v>84</v>
      </c>
      <c r="I9" s="3" t="s">
        <v>85</v>
      </c>
      <c r="J9" s="3" t="s">
        <v>86</v>
      </c>
      <c r="K9" s="3" t="s">
        <v>40</v>
      </c>
    </row>
    <row r="10" spans="1:11" ht="38.25" x14ac:dyDescent="0.2">
      <c r="A10" s="4" t="s">
        <v>87</v>
      </c>
      <c r="B10" s="3" t="s">
        <v>88</v>
      </c>
      <c r="C10" s="3" t="s">
        <v>89</v>
      </c>
      <c r="D10" s="3" t="s">
        <v>90</v>
      </c>
      <c r="E10" s="3" t="s">
        <v>16</v>
      </c>
      <c r="F10" s="3" t="s">
        <v>91</v>
      </c>
      <c r="G10" s="3" t="s">
        <v>92</v>
      </c>
      <c r="H10" s="3" t="s">
        <v>93</v>
      </c>
      <c r="I10" s="3" t="s">
        <v>94</v>
      </c>
      <c r="J10" s="3" t="s">
        <v>95</v>
      </c>
      <c r="K10" s="3" t="s">
        <v>40</v>
      </c>
    </row>
    <row r="11" spans="1:11" ht="25.5" x14ac:dyDescent="0.2">
      <c r="A11" s="4" t="s">
        <v>96</v>
      </c>
      <c r="B11" s="3" t="s">
        <v>97</v>
      </c>
      <c r="C11" s="3" t="s">
        <v>98</v>
      </c>
      <c r="D11" s="3" t="s">
        <v>90</v>
      </c>
      <c r="E11" s="3" t="s">
        <v>16</v>
      </c>
      <c r="F11" s="3" t="s">
        <v>91</v>
      </c>
      <c r="G11" s="3" t="s">
        <v>99</v>
      </c>
      <c r="H11" s="3" t="s">
        <v>100</v>
      </c>
      <c r="I11" s="3" t="s">
        <v>101</v>
      </c>
      <c r="J11" s="3" t="s">
        <v>102</v>
      </c>
      <c r="K11" s="3" t="s">
        <v>103</v>
      </c>
    </row>
    <row r="12" spans="1:11" ht="25.5" x14ac:dyDescent="0.2">
      <c r="A12" s="4" t="s">
        <v>104</v>
      </c>
      <c r="B12" s="3" t="s">
        <v>105</v>
      </c>
      <c r="C12" s="3" t="s">
        <v>106</v>
      </c>
      <c r="D12" s="3" t="s">
        <v>107</v>
      </c>
      <c r="E12" s="3" t="s">
        <v>16</v>
      </c>
      <c r="F12" s="3" t="s">
        <v>108</v>
      </c>
      <c r="G12" s="3" t="s">
        <v>109</v>
      </c>
      <c r="H12" s="3" t="s">
        <v>110</v>
      </c>
      <c r="I12" s="3" t="s">
        <v>111</v>
      </c>
      <c r="J12" s="3" t="s">
        <v>112</v>
      </c>
      <c r="K12" s="3" t="s">
        <v>22</v>
      </c>
    </row>
    <row r="13" spans="1:11" x14ac:dyDescent="0.2">
      <c r="A13" s="4" t="s">
        <v>113</v>
      </c>
      <c r="B13" s="3" t="s">
        <v>114</v>
      </c>
      <c r="C13" s="3" t="s">
        <v>115</v>
      </c>
      <c r="D13" s="3" t="s">
        <v>116</v>
      </c>
      <c r="E13" s="3" t="s">
        <v>16</v>
      </c>
      <c r="F13" s="3" t="s">
        <v>117</v>
      </c>
      <c r="G13" s="3" t="s">
        <v>118</v>
      </c>
      <c r="H13" s="3" t="s">
        <v>119</v>
      </c>
      <c r="I13" s="3" t="s">
        <v>120</v>
      </c>
      <c r="J13" s="3" t="s">
        <v>121</v>
      </c>
      <c r="K13" s="3" t="s">
        <v>40</v>
      </c>
    </row>
    <row r="14" spans="1:11" ht="25.5" x14ac:dyDescent="0.2">
      <c r="A14" s="4" t="s">
        <v>122</v>
      </c>
      <c r="B14" s="3" t="s">
        <v>123</v>
      </c>
      <c r="C14" s="3" t="s">
        <v>124</v>
      </c>
      <c r="D14" s="3" t="s">
        <v>107</v>
      </c>
      <c r="E14" s="3" t="s">
        <v>16</v>
      </c>
      <c r="F14" s="3" t="s">
        <v>108</v>
      </c>
      <c r="G14" s="3" t="s">
        <v>125</v>
      </c>
      <c r="H14" s="3" t="s">
        <v>126</v>
      </c>
      <c r="I14" s="3" t="s">
        <v>127</v>
      </c>
      <c r="J14" s="3" t="s">
        <v>128</v>
      </c>
      <c r="K14" s="3" t="s">
        <v>22</v>
      </c>
    </row>
    <row r="15" spans="1:11" ht="25.5" x14ac:dyDescent="0.2">
      <c r="A15" s="4" t="s">
        <v>129</v>
      </c>
      <c r="B15" s="3" t="s">
        <v>130</v>
      </c>
      <c r="C15" s="3" t="s">
        <v>131</v>
      </c>
      <c r="D15" s="3" t="s">
        <v>132</v>
      </c>
      <c r="E15" s="3" t="s">
        <v>16</v>
      </c>
      <c r="F15" s="3" t="s">
        <v>133</v>
      </c>
      <c r="G15" s="3" t="s">
        <v>134</v>
      </c>
      <c r="H15" s="3" t="s">
        <v>135</v>
      </c>
      <c r="I15" s="3" t="s">
        <v>136</v>
      </c>
      <c r="J15" s="3" t="s">
        <v>137</v>
      </c>
      <c r="K15" s="3" t="s">
        <v>40</v>
      </c>
    </row>
    <row r="16" spans="1:11" ht="25.5" x14ac:dyDescent="0.2">
      <c r="A16" s="4" t="s">
        <v>138</v>
      </c>
      <c r="B16" s="3" t="s">
        <v>139</v>
      </c>
      <c r="C16" s="3" t="s">
        <v>140</v>
      </c>
      <c r="D16" s="3" t="s">
        <v>141</v>
      </c>
      <c r="E16" s="3" t="s">
        <v>16</v>
      </c>
      <c r="F16" s="3" t="s">
        <v>142</v>
      </c>
      <c r="G16" s="3" t="s">
        <v>143</v>
      </c>
      <c r="H16" s="3" t="s">
        <v>144</v>
      </c>
      <c r="I16" s="3" t="s">
        <v>145</v>
      </c>
      <c r="J16" s="3" t="s">
        <v>146</v>
      </c>
      <c r="K16" s="3" t="s">
        <v>40</v>
      </c>
    </row>
    <row r="17" spans="1:11" x14ac:dyDescent="0.2">
      <c r="A17" s="4" t="s">
        <v>147</v>
      </c>
      <c r="B17" s="3" t="s">
        <v>148</v>
      </c>
      <c r="C17" s="3" t="s">
        <v>149</v>
      </c>
      <c r="D17" s="3" t="s">
        <v>34</v>
      </c>
      <c r="E17" s="3" t="s">
        <v>16</v>
      </c>
      <c r="F17" s="3" t="s">
        <v>35</v>
      </c>
      <c r="G17" s="3" t="s">
        <v>150</v>
      </c>
      <c r="H17" s="3" t="s">
        <v>151</v>
      </c>
      <c r="I17" s="3" t="s">
        <v>152</v>
      </c>
      <c r="J17" s="3" t="s">
        <v>153</v>
      </c>
      <c r="K17" s="3" t="s">
        <v>22</v>
      </c>
    </row>
    <row r="18" spans="1:11" ht="25.5" x14ac:dyDescent="0.2">
      <c r="A18" s="4" t="s">
        <v>154</v>
      </c>
      <c r="B18" s="3" t="s">
        <v>155</v>
      </c>
      <c r="C18" s="3" t="s">
        <v>156</v>
      </c>
      <c r="D18" s="3" t="s">
        <v>157</v>
      </c>
      <c r="E18" s="3" t="s">
        <v>16</v>
      </c>
      <c r="F18" s="3" t="s">
        <v>158</v>
      </c>
      <c r="G18" s="3" t="s">
        <v>159</v>
      </c>
      <c r="H18" s="3" t="s">
        <v>160</v>
      </c>
      <c r="I18" s="3" t="s">
        <v>161</v>
      </c>
      <c r="J18" s="3" t="s">
        <v>162</v>
      </c>
      <c r="K18" s="3" t="s">
        <v>40</v>
      </c>
    </row>
    <row r="19" spans="1:11" ht="25.5" x14ac:dyDescent="0.2">
      <c r="A19" s="4" t="s">
        <v>163</v>
      </c>
      <c r="B19" s="3" t="s">
        <v>164</v>
      </c>
      <c r="C19" s="3" t="s">
        <v>165</v>
      </c>
      <c r="D19" s="3" t="s">
        <v>34</v>
      </c>
      <c r="E19" s="3" t="s">
        <v>16</v>
      </c>
      <c r="F19" s="3" t="s">
        <v>166</v>
      </c>
      <c r="G19" s="3" t="s">
        <v>167</v>
      </c>
      <c r="H19" s="3" t="s">
        <v>168</v>
      </c>
      <c r="I19" s="3" t="s">
        <v>169</v>
      </c>
      <c r="J19" s="3" t="s">
        <v>170</v>
      </c>
      <c r="K19" s="3" t="s">
        <v>40</v>
      </c>
    </row>
    <row r="20" spans="1:11" ht="25.5" x14ac:dyDescent="0.2">
      <c r="A20" s="4" t="s">
        <v>171</v>
      </c>
      <c r="B20" s="3" t="s">
        <v>172</v>
      </c>
      <c r="C20" s="3" t="s">
        <v>173</v>
      </c>
      <c r="D20" s="3" t="s">
        <v>107</v>
      </c>
      <c r="E20" s="3" t="s">
        <v>16</v>
      </c>
      <c r="F20" s="3" t="s">
        <v>108</v>
      </c>
      <c r="G20" s="3" t="s">
        <v>174</v>
      </c>
      <c r="H20" s="3" t="s">
        <v>175</v>
      </c>
      <c r="I20" s="3" t="s">
        <v>176</v>
      </c>
      <c r="J20" s="3" t="s">
        <v>177</v>
      </c>
      <c r="K20" s="3" t="s">
        <v>178</v>
      </c>
    </row>
    <row r="21" spans="1:11" ht="25.5" x14ac:dyDescent="0.2">
      <c r="A21" s="4" t="s">
        <v>179</v>
      </c>
      <c r="B21" s="3" t="s">
        <v>180</v>
      </c>
      <c r="C21" s="3" t="s">
        <v>181</v>
      </c>
      <c r="D21" s="3" t="s">
        <v>157</v>
      </c>
      <c r="E21" s="3" t="s">
        <v>16</v>
      </c>
      <c r="F21" s="3" t="s">
        <v>158</v>
      </c>
      <c r="G21" s="3" t="s">
        <v>182</v>
      </c>
      <c r="H21" s="3" t="s">
        <v>183</v>
      </c>
      <c r="I21" s="3" t="s">
        <v>184</v>
      </c>
      <c r="J21" s="3" t="s">
        <v>185</v>
      </c>
      <c r="K21" s="3" t="s">
        <v>40</v>
      </c>
    </row>
    <row r="22" spans="1:11" ht="38.25" x14ac:dyDescent="0.2">
      <c r="A22" s="4" t="s">
        <v>186</v>
      </c>
      <c r="B22" s="3" t="s">
        <v>187</v>
      </c>
      <c r="C22" s="3" t="s">
        <v>188</v>
      </c>
      <c r="D22" s="3" t="s">
        <v>34</v>
      </c>
      <c r="E22" s="3" t="s">
        <v>16</v>
      </c>
      <c r="F22" s="3" t="s">
        <v>189</v>
      </c>
      <c r="G22" s="3" t="s">
        <v>190</v>
      </c>
      <c r="H22" s="3" t="s">
        <v>191</v>
      </c>
      <c r="I22" s="3" t="s">
        <v>192</v>
      </c>
      <c r="J22" s="3" t="s">
        <v>193</v>
      </c>
      <c r="K22" s="3" t="s">
        <v>194</v>
      </c>
    </row>
    <row r="23" spans="1:11" ht="25.5" x14ac:dyDescent="0.2">
      <c r="A23" s="4" t="s">
        <v>195</v>
      </c>
      <c r="B23" s="3" t="s">
        <v>196</v>
      </c>
      <c r="C23" s="3" t="s">
        <v>197</v>
      </c>
      <c r="D23" s="3" t="s">
        <v>107</v>
      </c>
      <c r="E23" s="3" t="s">
        <v>16</v>
      </c>
      <c r="F23" s="3" t="s">
        <v>108</v>
      </c>
      <c r="G23" s="3" t="s">
        <v>198</v>
      </c>
      <c r="H23" s="3" t="s">
        <v>199</v>
      </c>
      <c r="I23" s="3" t="s">
        <v>200</v>
      </c>
      <c r="J23" s="3" t="s">
        <v>201</v>
      </c>
      <c r="K23" s="3" t="s">
        <v>22</v>
      </c>
    </row>
    <row r="24" spans="1:11" x14ac:dyDescent="0.2">
      <c r="A24" s="4" t="s">
        <v>202</v>
      </c>
      <c r="B24" s="3" t="s">
        <v>203</v>
      </c>
      <c r="C24" s="3" t="s">
        <v>204</v>
      </c>
      <c r="D24" s="3" t="s">
        <v>205</v>
      </c>
      <c r="E24" s="3" t="s">
        <v>16</v>
      </c>
      <c r="F24" s="3" t="s">
        <v>206</v>
      </c>
      <c r="G24" s="3" t="s">
        <v>207</v>
      </c>
      <c r="H24" s="3" t="s">
        <v>208</v>
      </c>
      <c r="I24" s="3" t="s">
        <v>209</v>
      </c>
      <c r="J24" s="3" t="s">
        <v>210</v>
      </c>
      <c r="K24" s="3" t="s">
        <v>40</v>
      </c>
    </row>
    <row r="25" spans="1:11" ht="25.5" x14ac:dyDescent="0.2">
      <c r="A25" s="4" t="s">
        <v>211</v>
      </c>
      <c r="B25" s="3" t="s">
        <v>212</v>
      </c>
      <c r="C25" s="3" t="s">
        <v>213</v>
      </c>
      <c r="D25" s="3" t="s">
        <v>132</v>
      </c>
      <c r="E25" s="3" t="s">
        <v>16</v>
      </c>
      <c r="F25" s="3" t="s">
        <v>133</v>
      </c>
      <c r="G25" s="3" t="s">
        <v>214</v>
      </c>
      <c r="H25" s="3" t="s">
        <v>215</v>
      </c>
      <c r="I25" s="3" t="s">
        <v>216</v>
      </c>
      <c r="J25" s="3" t="s">
        <v>217</v>
      </c>
      <c r="K25" s="3" t="s">
        <v>22</v>
      </c>
    </row>
    <row r="26" spans="1:11" x14ac:dyDescent="0.2">
      <c r="A26" s="4" t="s">
        <v>218</v>
      </c>
      <c r="B26" s="3" t="s">
        <v>219</v>
      </c>
      <c r="C26" s="3" t="s">
        <v>220</v>
      </c>
      <c r="D26" s="3" t="s">
        <v>44</v>
      </c>
      <c r="E26" s="3" t="s">
        <v>16</v>
      </c>
      <c r="F26" s="3" t="s">
        <v>45</v>
      </c>
      <c r="G26" s="3" t="s">
        <v>221</v>
      </c>
      <c r="H26" s="3" t="s">
        <v>222</v>
      </c>
      <c r="I26" s="3" t="s">
        <v>223</v>
      </c>
      <c r="J26" s="3" t="s">
        <v>224</v>
      </c>
      <c r="K26" s="3" t="s">
        <v>40</v>
      </c>
    </row>
    <row r="27" spans="1:11" ht="25.5" x14ac:dyDescent="0.2">
      <c r="A27" s="4" t="s">
        <v>225</v>
      </c>
      <c r="B27" s="3" t="s">
        <v>226</v>
      </c>
      <c r="C27" s="3" t="s">
        <v>227</v>
      </c>
      <c r="D27" s="3" t="s">
        <v>228</v>
      </c>
      <c r="E27" s="3" t="s">
        <v>16</v>
      </c>
      <c r="F27" s="3" t="s">
        <v>229</v>
      </c>
      <c r="G27" s="3" t="s">
        <v>230</v>
      </c>
      <c r="H27" s="3" t="s">
        <v>231</v>
      </c>
      <c r="I27" s="3" t="s">
        <v>232</v>
      </c>
      <c r="J27" s="3" t="s">
        <v>233</v>
      </c>
      <c r="K27" s="3" t="s">
        <v>40</v>
      </c>
    </row>
    <row r="28" spans="1:11" x14ac:dyDescent="0.2">
      <c r="A28" s="4" t="s">
        <v>234</v>
      </c>
      <c r="B28" s="3" t="s">
        <v>235</v>
      </c>
      <c r="C28" s="3" t="s">
        <v>236</v>
      </c>
      <c r="D28" s="3" t="s">
        <v>237</v>
      </c>
      <c r="E28" s="3" t="s">
        <v>16</v>
      </c>
      <c r="F28" s="3" t="s">
        <v>238</v>
      </c>
      <c r="G28" s="3" t="s">
        <v>239</v>
      </c>
      <c r="H28" s="3" t="s">
        <v>240</v>
      </c>
      <c r="I28" s="3" t="s">
        <v>241</v>
      </c>
      <c r="J28" s="3" t="s">
        <v>242</v>
      </c>
      <c r="K28" s="3" t="s">
        <v>22</v>
      </c>
    </row>
    <row r="29" spans="1:11" x14ac:dyDescent="0.2">
      <c r="A29" s="4" t="s">
        <v>243</v>
      </c>
      <c r="B29" s="3" t="s">
        <v>244</v>
      </c>
      <c r="C29" s="3" t="s">
        <v>245</v>
      </c>
      <c r="D29" s="3" t="s">
        <v>205</v>
      </c>
      <c r="E29" s="3" t="s">
        <v>16</v>
      </c>
      <c r="F29" s="3" t="s">
        <v>206</v>
      </c>
      <c r="G29" s="3" t="s">
        <v>246</v>
      </c>
      <c r="H29" s="3" t="s">
        <v>247</v>
      </c>
      <c r="I29" s="3" t="s">
        <v>248</v>
      </c>
      <c r="J29" s="3" t="s">
        <v>249</v>
      </c>
      <c r="K29" s="3" t="s">
        <v>22</v>
      </c>
    </row>
    <row r="30" spans="1:11" ht="25.5" x14ac:dyDescent="0.2">
      <c r="A30" s="4" t="s">
        <v>250</v>
      </c>
      <c r="B30" s="3" t="s">
        <v>251</v>
      </c>
      <c r="C30" s="3" t="s">
        <v>252</v>
      </c>
      <c r="D30" s="3" t="s">
        <v>157</v>
      </c>
      <c r="E30" s="3" t="s">
        <v>16</v>
      </c>
      <c r="F30" s="3" t="s">
        <v>158</v>
      </c>
      <c r="G30" s="3" t="s">
        <v>253</v>
      </c>
      <c r="H30" s="3" t="s">
        <v>254</v>
      </c>
      <c r="I30" s="3" t="s">
        <v>255</v>
      </c>
      <c r="J30" s="3" t="s">
        <v>256</v>
      </c>
      <c r="K30" s="3" t="s">
        <v>40</v>
      </c>
    </row>
    <row r="31" spans="1:11" ht="25.5" x14ac:dyDescent="0.2">
      <c r="A31" s="4" t="s">
        <v>257</v>
      </c>
      <c r="B31" s="3" t="s">
        <v>258</v>
      </c>
      <c r="C31" s="3" t="s">
        <v>259</v>
      </c>
      <c r="D31" s="3" t="s">
        <v>260</v>
      </c>
      <c r="E31" s="3" t="s">
        <v>16</v>
      </c>
      <c r="F31" s="3" t="s">
        <v>261</v>
      </c>
      <c r="G31" s="3" t="s">
        <v>262</v>
      </c>
      <c r="H31" s="3" t="s">
        <v>263</v>
      </c>
      <c r="I31" s="3" t="s">
        <v>264</v>
      </c>
      <c r="J31" s="3" t="s">
        <v>265</v>
      </c>
      <c r="K31" s="3" t="s">
        <v>40</v>
      </c>
    </row>
    <row r="32" spans="1:11" x14ac:dyDescent="0.2">
      <c r="A32" s="4" t="s">
        <v>266</v>
      </c>
      <c r="B32" s="3" t="s">
        <v>267</v>
      </c>
      <c r="C32" s="3" t="s">
        <v>268</v>
      </c>
      <c r="D32" s="3" t="s">
        <v>269</v>
      </c>
      <c r="E32" s="3" t="s">
        <v>16</v>
      </c>
      <c r="F32" s="3" t="s">
        <v>270</v>
      </c>
      <c r="G32" s="3" t="s">
        <v>271</v>
      </c>
      <c r="H32" s="3" t="s">
        <v>272</v>
      </c>
      <c r="I32" s="3" t="s">
        <v>273</v>
      </c>
      <c r="J32" s="3" t="s">
        <v>274</v>
      </c>
      <c r="K32" s="3" t="s">
        <v>22</v>
      </c>
    </row>
    <row r="33" spans="1:11" x14ac:dyDescent="0.2">
      <c r="A33" s="4" t="s">
        <v>275</v>
      </c>
      <c r="B33" s="3" t="s">
        <v>276</v>
      </c>
      <c r="C33" s="3" t="s">
        <v>277</v>
      </c>
      <c r="D33" s="3" t="s">
        <v>90</v>
      </c>
      <c r="E33" s="3" t="s">
        <v>16</v>
      </c>
      <c r="F33" s="3" t="s">
        <v>91</v>
      </c>
      <c r="G33" s="3" t="s">
        <v>278</v>
      </c>
      <c r="H33" s="3" t="s">
        <v>279</v>
      </c>
      <c r="I33" s="3" t="s">
        <v>280</v>
      </c>
      <c r="J33" s="3" t="s">
        <v>281</v>
      </c>
      <c r="K33" s="3" t="s">
        <v>40</v>
      </c>
    </row>
    <row r="34" spans="1:11" ht="25.5" x14ac:dyDescent="0.2">
      <c r="A34" s="4" t="s">
        <v>282</v>
      </c>
      <c r="B34" s="3" t="s">
        <v>283</v>
      </c>
      <c r="C34" s="3" t="s">
        <v>284</v>
      </c>
      <c r="D34" s="3" t="s">
        <v>107</v>
      </c>
      <c r="E34" s="3" t="s">
        <v>16</v>
      </c>
      <c r="F34" s="3" t="s">
        <v>108</v>
      </c>
      <c r="G34" s="3" t="s">
        <v>285</v>
      </c>
      <c r="H34" s="3" t="s">
        <v>286</v>
      </c>
      <c r="I34" s="3" t="s">
        <v>287</v>
      </c>
      <c r="J34" s="3" t="s">
        <v>288</v>
      </c>
      <c r="K34" s="3" t="s">
        <v>40</v>
      </c>
    </row>
    <row r="35" spans="1:11" x14ac:dyDescent="0.2">
      <c r="A35" s="4" t="s">
        <v>289</v>
      </c>
      <c r="B35" s="3" t="s">
        <v>290</v>
      </c>
      <c r="C35" s="3" t="s">
        <v>291</v>
      </c>
      <c r="D35" s="3" t="s">
        <v>292</v>
      </c>
      <c r="E35" s="3" t="s">
        <v>16</v>
      </c>
      <c r="F35" s="3" t="s">
        <v>293</v>
      </c>
      <c r="G35" s="3" t="s">
        <v>294</v>
      </c>
      <c r="H35" s="3" t="s">
        <v>295</v>
      </c>
      <c r="I35" s="3" t="s">
        <v>296</v>
      </c>
      <c r="J35" s="3" t="s">
        <v>297</v>
      </c>
      <c r="K35" s="3" t="s">
        <v>22</v>
      </c>
    </row>
    <row r="36" spans="1:11" ht="25.5" x14ac:dyDescent="0.2">
      <c r="A36" s="4" t="s">
        <v>298</v>
      </c>
      <c r="B36" s="3" t="s">
        <v>299</v>
      </c>
      <c r="C36" s="3" t="s">
        <v>300</v>
      </c>
      <c r="D36" s="3" t="s">
        <v>301</v>
      </c>
      <c r="E36" s="3" t="s">
        <v>16</v>
      </c>
      <c r="F36" s="3" t="s">
        <v>302</v>
      </c>
      <c r="G36" s="3" t="s">
        <v>303</v>
      </c>
      <c r="H36" s="3" t="s">
        <v>304</v>
      </c>
      <c r="I36" s="3" t="s">
        <v>305</v>
      </c>
      <c r="J36" s="3" t="s">
        <v>306</v>
      </c>
      <c r="K36" s="3" t="s">
        <v>22</v>
      </c>
    </row>
  </sheetData>
  <hyperlinks>
    <hyperlink ref="A2" r:id="rId1" display="url" xr:uid="{CBC9CF5B-26A9-4478-9D46-5C0EF1E66AFB}"/>
    <hyperlink ref="A3" r:id="rId2" display="url" xr:uid="{E36C63C5-9EA4-4B17-875A-0F1AD3616788}"/>
    <hyperlink ref="A4" r:id="rId3" display="url" xr:uid="{C1659BF2-B168-4661-8B99-4229B3A9324A}"/>
    <hyperlink ref="A5" r:id="rId4" display="url" xr:uid="{59EF1D96-1060-42C8-89BF-19A2C75A8ACE}"/>
    <hyperlink ref="A6" r:id="rId5" display="url" xr:uid="{39E432B0-6765-493C-9A3A-A796936CBA1A}"/>
    <hyperlink ref="A7" r:id="rId6" display="url" xr:uid="{D894F1B2-75AD-4618-A989-AFD8949EF7DD}"/>
    <hyperlink ref="A8" r:id="rId7" display="url" xr:uid="{E0D84E3A-FE26-41C1-A0C0-FB229D90B87A}"/>
    <hyperlink ref="A9" r:id="rId8" display="url" xr:uid="{6AC09661-7C8D-4A51-B74D-8B5BE5BBD9EA}"/>
    <hyperlink ref="A10" r:id="rId9" display="url" xr:uid="{FF39A5F5-118A-4CD1-944F-035EACBA8151}"/>
    <hyperlink ref="A11" r:id="rId10" display="url" xr:uid="{29CB0665-E004-4380-8A63-E409C7E6B30C}"/>
    <hyperlink ref="A12" r:id="rId11" display="url" xr:uid="{6112BFB2-E2D3-4B28-87CF-36674D023D19}"/>
    <hyperlink ref="A13" r:id="rId12" display="url" xr:uid="{D6E423C5-3719-4E36-BDBF-62FD573201DB}"/>
    <hyperlink ref="A14" r:id="rId13" display="url" xr:uid="{5C2D2E50-7F0C-4605-B297-09CD39DD7292}"/>
    <hyperlink ref="A15" r:id="rId14" display="url" xr:uid="{D8BDF51D-8A82-4EF3-BC16-5A7B97F0008C}"/>
    <hyperlink ref="A16" r:id="rId15" display="url" xr:uid="{D1B785AC-6C3F-42AE-8754-F749991F37DA}"/>
    <hyperlink ref="A17" r:id="rId16" display="url" xr:uid="{A0B1D7A1-5E7E-4592-9EEA-B7CCFAD48D46}"/>
    <hyperlink ref="A18" r:id="rId17" display="url" xr:uid="{3C2F37A9-7CD1-4051-B800-26118EC266C6}"/>
    <hyperlink ref="A19" r:id="rId18" display="url" xr:uid="{BE2CE9AB-90A2-416B-BFC9-C9AC4F930737}"/>
    <hyperlink ref="A20" r:id="rId19" display="url" xr:uid="{2BF8F6EC-4C02-42C0-8D55-3EF2DD6F0C03}"/>
    <hyperlink ref="A21" r:id="rId20" display="url" xr:uid="{A1FB3638-9299-45E9-BCEA-AD2DFE9361A7}"/>
    <hyperlink ref="A22" r:id="rId21" display="url" xr:uid="{969BC87C-2AE8-43F6-8DC5-AD2DE1A40880}"/>
    <hyperlink ref="A23" r:id="rId22" display="url" xr:uid="{FA52DCF0-3407-4014-8100-C95BFD7EC40C}"/>
    <hyperlink ref="A24" r:id="rId23" display="url" xr:uid="{9520598C-0D28-4257-8D98-4E9998108B07}"/>
    <hyperlink ref="A25" r:id="rId24" display="url" xr:uid="{B39A2F0B-2B0F-4608-A68B-4E1337BD37BC}"/>
    <hyperlink ref="A26" r:id="rId25" display="url" xr:uid="{A2CC4A56-223F-4BD2-8ACA-181819CB6C19}"/>
    <hyperlink ref="A27" r:id="rId26" display="url" xr:uid="{A05ABE53-9FF7-404C-B913-BAF413E92A03}"/>
    <hyperlink ref="A28" r:id="rId27" display="url" xr:uid="{FB0BFB3E-3E07-419D-9606-B4B4EDFF2609}"/>
    <hyperlink ref="A29" r:id="rId28" display="url" xr:uid="{4221D14F-9FED-4D42-80F6-EF6B61437A12}"/>
    <hyperlink ref="A30" r:id="rId29" display="url" xr:uid="{D6FC74FD-11C7-4B6D-93BB-A98882430BE1}"/>
    <hyperlink ref="A31" r:id="rId30" display="url" xr:uid="{B8E01234-7DB3-457C-9ECD-2B9B42842FE3}"/>
    <hyperlink ref="A32" r:id="rId31" display="url" xr:uid="{796FD248-A0A0-40D8-AD8D-2D1628E8024D}"/>
    <hyperlink ref="A33" r:id="rId32" display="url" xr:uid="{E51E49CF-4424-479E-95D1-5B84C25C353B}"/>
    <hyperlink ref="A34" r:id="rId33" display="url" xr:uid="{DBE69C2D-EFD8-4646-8BAF-423079D98F6E}"/>
    <hyperlink ref="A35" r:id="rId34" display="url" xr:uid="{9C9A6085-D20C-4853-8D6B-BAE6573F41B5}"/>
    <hyperlink ref="A36" r:id="rId35" display="url" xr:uid="{8D3F4685-C59D-43B8-AD70-C332EB82A033}"/>
  </hyperlinks>
  <pageMargins left="0.75" right="0.75" top="1" bottom="1" header="0.5" footer="0.5"/>
  <pageSetup orientation="portrait" horizontalDpi="300" verticalDpi="300"/>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68E73C-C302-4326-85FA-DE9E2D66523C}">
  <dimension ref="A1:K36"/>
  <sheetViews>
    <sheetView workbookViewId="0"/>
  </sheetViews>
  <sheetFormatPr defaultRowHeight="12.75" x14ac:dyDescent="0.2"/>
  <cols>
    <col min="1" max="1" width="65" customWidth="1"/>
    <col min="2" max="2" width="100" customWidth="1"/>
    <col min="3" max="3" width="33" customWidth="1"/>
    <col min="4" max="4" width="17" customWidth="1"/>
    <col min="5" max="5" width="18" customWidth="1"/>
    <col min="6" max="6" width="21" customWidth="1"/>
    <col min="7" max="7" width="25" customWidth="1"/>
    <col min="8" max="8" width="35" customWidth="1"/>
    <col min="9" max="10" width="100" customWidth="1"/>
    <col min="11" max="11" width="69" customWidth="1"/>
  </cols>
  <sheetData>
    <row r="1" spans="1:11" x14ac:dyDescent="0.2">
      <c r="A1" s="2" t="s">
        <v>1</v>
      </c>
      <c r="B1" s="2" t="s">
        <v>2</v>
      </c>
      <c r="C1" s="2" t="s">
        <v>3</v>
      </c>
      <c r="D1" s="2" t="s">
        <v>4</v>
      </c>
      <c r="E1" s="2" t="s">
        <v>5</v>
      </c>
      <c r="F1" s="2" t="s">
        <v>6</v>
      </c>
      <c r="G1" s="2" t="s">
        <v>7</v>
      </c>
      <c r="H1" s="2" t="s">
        <v>8</v>
      </c>
      <c r="I1" s="2" t="s">
        <v>9</v>
      </c>
      <c r="J1" s="2" t="s">
        <v>10</v>
      </c>
      <c r="K1" s="2" t="s">
        <v>11</v>
      </c>
    </row>
    <row r="2" spans="1:11" x14ac:dyDescent="0.2">
      <c r="A2" s="2" t="s">
        <v>12</v>
      </c>
      <c r="B2" s="2" t="s">
        <v>13</v>
      </c>
      <c r="C2" s="2" t="s">
        <v>14</v>
      </c>
      <c r="D2" s="2" t="s">
        <v>15</v>
      </c>
      <c r="E2" s="2" t="s">
        <v>16</v>
      </c>
      <c r="F2" s="2" t="s">
        <v>17</v>
      </c>
      <c r="G2" s="2" t="s">
        <v>18</v>
      </c>
      <c r="H2" s="2" t="s">
        <v>19</v>
      </c>
      <c r="I2" s="2" t="s">
        <v>20</v>
      </c>
      <c r="J2" s="2" t="s">
        <v>21</v>
      </c>
      <c r="K2" s="2" t="s">
        <v>22</v>
      </c>
    </row>
    <row r="3" spans="1:11" x14ac:dyDescent="0.2">
      <c r="A3" s="2" t="s">
        <v>23</v>
      </c>
      <c r="B3" s="2" t="s">
        <v>24</v>
      </c>
      <c r="C3" s="2" t="s">
        <v>25</v>
      </c>
      <c r="D3" s="2" t="s">
        <v>26</v>
      </c>
      <c r="E3" s="2" t="s">
        <v>16</v>
      </c>
      <c r="F3" s="2" t="s">
        <v>27</v>
      </c>
      <c r="G3" s="2" t="s">
        <v>28</v>
      </c>
      <c r="H3" s="2" t="s">
        <v>29</v>
      </c>
      <c r="I3" s="2" t="s">
        <v>30</v>
      </c>
      <c r="J3" s="2" t="s">
        <v>31</v>
      </c>
      <c r="K3" s="2" t="s">
        <v>22</v>
      </c>
    </row>
    <row r="4" spans="1:11" x14ac:dyDescent="0.2">
      <c r="A4" s="2" t="s">
        <v>32</v>
      </c>
      <c r="B4" s="2" t="s">
        <v>0</v>
      </c>
      <c r="C4" s="2" t="s">
        <v>33</v>
      </c>
      <c r="D4" s="2" t="s">
        <v>34</v>
      </c>
      <c r="E4" s="2" t="s">
        <v>16</v>
      </c>
      <c r="F4" s="2" t="s">
        <v>35</v>
      </c>
      <c r="G4" s="2" t="s">
        <v>36</v>
      </c>
      <c r="H4" s="2" t="s">
        <v>37</v>
      </c>
      <c r="I4" s="2" t="s">
        <v>38</v>
      </c>
      <c r="J4" s="2" t="s">
        <v>39</v>
      </c>
      <c r="K4" s="2" t="s">
        <v>40</v>
      </c>
    </row>
    <row r="5" spans="1:11" ht="25.5" x14ac:dyDescent="0.2">
      <c r="A5" s="2" t="s">
        <v>41</v>
      </c>
      <c r="B5" s="2" t="s">
        <v>42</v>
      </c>
      <c r="C5" s="2" t="s">
        <v>43</v>
      </c>
      <c r="D5" s="2" t="s">
        <v>44</v>
      </c>
      <c r="E5" s="2" t="s">
        <v>16</v>
      </c>
      <c r="F5" s="2" t="s">
        <v>45</v>
      </c>
      <c r="G5" s="2" t="s">
        <v>46</v>
      </c>
      <c r="H5" s="2" t="s">
        <v>47</v>
      </c>
      <c r="I5" s="2" t="s">
        <v>48</v>
      </c>
      <c r="J5" s="2" t="s">
        <v>49</v>
      </c>
      <c r="K5" s="2" t="s">
        <v>40</v>
      </c>
    </row>
    <row r="6" spans="1:11" ht="25.5" x14ac:dyDescent="0.2">
      <c r="A6" s="2" t="s">
        <v>50</v>
      </c>
      <c r="B6" s="2" t="s">
        <v>51</v>
      </c>
      <c r="C6" s="2" t="s">
        <v>52</v>
      </c>
      <c r="D6" s="2" t="s">
        <v>53</v>
      </c>
      <c r="E6" s="2" t="s">
        <v>16</v>
      </c>
      <c r="F6" s="2" t="s">
        <v>54</v>
      </c>
      <c r="G6" s="2" t="s">
        <v>55</v>
      </c>
      <c r="H6" s="2" t="s">
        <v>56</v>
      </c>
      <c r="I6" s="2" t="s">
        <v>57</v>
      </c>
      <c r="J6" s="2" t="s">
        <v>58</v>
      </c>
      <c r="K6" s="2" t="s">
        <v>22</v>
      </c>
    </row>
    <row r="7" spans="1:11" x14ac:dyDescent="0.2">
      <c r="A7" s="2" t="s">
        <v>59</v>
      </c>
      <c r="B7" s="2" t="s">
        <v>60</v>
      </c>
      <c r="C7" s="2" t="s">
        <v>61</v>
      </c>
      <c r="D7" s="2" t="s">
        <v>62</v>
      </c>
      <c r="E7" s="2" t="s">
        <v>16</v>
      </c>
      <c r="F7" s="2" t="s">
        <v>63</v>
      </c>
      <c r="G7" s="2" t="s">
        <v>64</v>
      </c>
      <c r="H7" s="2" t="s">
        <v>65</v>
      </c>
      <c r="I7" s="2" t="s">
        <v>66</v>
      </c>
      <c r="J7" s="2" t="s">
        <v>67</v>
      </c>
      <c r="K7" s="2" t="s">
        <v>22</v>
      </c>
    </row>
    <row r="8" spans="1:11" ht="25.5" x14ac:dyDescent="0.2">
      <c r="A8" s="2" t="s">
        <v>68</v>
      </c>
      <c r="B8" s="2" t="s">
        <v>69</v>
      </c>
      <c r="C8" s="2" t="s">
        <v>70</v>
      </c>
      <c r="D8" s="2" t="s">
        <v>71</v>
      </c>
      <c r="E8" s="2" t="s">
        <v>16</v>
      </c>
      <c r="F8" s="2" t="s">
        <v>72</v>
      </c>
      <c r="G8" s="2" t="s">
        <v>73</v>
      </c>
      <c r="H8" s="2" t="s">
        <v>74</v>
      </c>
      <c r="I8" s="2" t="s">
        <v>75</v>
      </c>
      <c r="J8" s="2" t="s">
        <v>76</v>
      </c>
      <c r="K8" s="2" t="s">
        <v>77</v>
      </c>
    </row>
    <row r="9" spans="1:11" x14ac:dyDescent="0.2">
      <c r="A9" s="2" t="s">
        <v>78</v>
      </c>
      <c r="B9" s="2" t="s">
        <v>79</v>
      </c>
      <c r="C9" s="2" t="s">
        <v>80</v>
      </c>
      <c r="D9" s="2" t="s">
        <v>81</v>
      </c>
      <c r="E9" s="2" t="s">
        <v>16</v>
      </c>
      <c r="F9" s="2" t="s">
        <v>82</v>
      </c>
      <c r="G9" s="2" t="s">
        <v>83</v>
      </c>
      <c r="H9" s="2" t="s">
        <v>84</v>
      </c>
      <c r="I9" s="2" t="s">
        <v>85</v>
      </c>
      <c r="J9" s="2" t="s">
        <v>86</v>
      </c>
      <c r="K9" s="2" t="s">
        <v>40</v>
      </c>
    </row>
    <row r="10" spans="1:11" ht="38.25" x14ac:dyDescent="0.2">
      <c r="A10" s="2" t="s">
        <v>87</v>
      </c>
      <c r="B10" s="2" t="s">
        <v>88</v>
      </c>
      <c r="C10" s="2" t="s">
        <v>89</v>
      </c>
      <c r="D10" s="2" t="s">
        <v>90</v>
      </c>
      <c r="E10" s="2" t="s">
        <v>16</v>
      </c>
      <c r="F10" s="2" t="s">
        <v>91</v>
      </c>
      <c r="G10" s="2" t="s">
        <v>92</v>
      </c>
      <c r="H10" s="2" t="s">
        <v>93</v>
      </c>
      <c r="I10" s="2" t="s">
        <v>94</v>
      </c>
      <c r="J10" s="2" t="s">
        <v>95</v>
      </c>
      <c r="K10" s="2" t="s">
        <v>40</v>
      </c>
    </row>
    <row r="11" spans="1:11" ht="25.5" x14ac:dyDescent="0.2">
      <c r="A11" s="2" t="s">
        <v>96</v>
      </c>
      <c r="B11" s="2" t="s">
        <v>97</v>
      </c>
      <c r="C11" s="2" t="s">
        <v>98</v>
      </c>
      <c r="D11" s="2" t="s">
        <v>90</v>
      </c>
      <c r="E11" s="2" t="s">
        <v>16</v>
      </c>
      <c r="F11" s="2" t="s">
        <v>91</v>
      </c>
      <c r="G11" s="2" t="s">
        <v>99</v>
      </c>
      <c r="H11" s="2" t="s">
        <v>100</v>
      </c>
      <c r="I11" s="2" t="s">
        <v>101</v>
      </c>
      <c r="J11" s="2" t="s">
        <v>102</v>
      </c>
      <c r="K11" s="2" t="s">
        <v>103</v>
      </c>
    </row>
    <row r="12" spans="1:11" ht="25.5" x14ac:dyDescent="0.2">
      <c r="A12" s="2" t="s">
        <v>104</v>
      </c>
      <c r="B12" s="2" t="s">
        <v>105</v>
      </c>
      <c r="C12" s="2" t="s">
        <v>106</v>
      </c>
      <c r="D12" s="2" t="s">
        <v>107</v>
      </c>
      <c r="E12" s="2" t="s">
        <v>16</v>
      </c>
      <c r="F12" s="2" t="s">
        <v>108</v>
      </c>
      <c r="G12" s="2" t="s">
        <v>109</v>
      </c>
      <c r="H12" s="2" t="s">
        <v>110</v>
      </c>
      <c r="I12" s="2" t="s">
        <v>111</v>
      </c>
      <c r="J12" s="2" t="s">
        <v>112</v>
      </c>
      <c r="K12" s="2" t="s">
        <v>22</v>
      </c>
    </row>
    <row r="13" spans="1:11" x14ac:dyDescent="0.2">
      <c r="A13" s="2" t="s">
        <v>113</v>
      </c>
      <c r="B13" s="2" t="s">
        <v>114</v>
      </c>
      <c r="C13" s="2" t="s">
        <v>115</v>
      </c>
      <c r="D13" s="2" t="s">
        <v>116</v>
      </c>
      <c r="E13" s="2" t="s">
        <v>16</v>
      </c>
      <c r="F13" s="2" t="s">
        <v>117</v>
      </c>
      <c r="G13" s="2" t="s">
        <v>118</v>
      </c>
      <c r="H13" s="2" t="s">
        <v>119</v>
      </c>
      <c r="I13" s="2" t="s">
        <v>120</v>
      </c>
      <c r="J13" s="2" t="s">
        <v>121</v>
      </c>
      <c r="K13" s="2" t="s">
        <v>40</v>
      </c>
    </row>
    <row r="14" spans="1:11" ht="25.5" x14ac:dyDescent="0.2">
      <c r="A14" s="2" t="s">
        <v>122</v>
      </c>
      <c r="B14" s="2" t="s">
        <v>123</v>
      </c>
      <c r="C14" s="2" t="s">
        <v>124</v>
      </c>
      <c r="D14" s="2" t="s">
        <v>107</v>
      </c>
      <c r="E14" s="2" t="s">
        <v>16</v>
      </c>
      <c r="F14" s="2" t="s">
        <v>108</v>
      </c>
      <c r="G14" s="2" t="s">
        <v>125</v>
      </c>
      <c r="H14" s="2" t="s">
        <v>126</v>
      </c>
      <c r="I14" s="2" t="s">
        <v>127</v>
      </c>
      <c r="J14" s="2" t="s">
        <v>128</v>
      </c>
      <c r="K14" s="2" t="s">
        <v>22</v>
      </c>
    </row>
    <row r="15" spans="1:11" ht="25.5" x14ac:dyDescent="0.2">
      <c r="A15" s="2" t="s">
        <v>129</v>
      </c>
      <c r="B15" s="2" t="s">
        <v>130</v>
      </c>
      <c r="C15" s="2" t="s">
        <v>131</v>
      </c>
      <c r="D15" s="2" t="s">
        <v>132</v>
      </c>
      <c r="E15" s="2" t="s">
        <v>16</v>
      </c>
      <c r="F15" s="2" t="s">
        <v>133</v>
      </c>
      <c r="G15" s="2" t="s">
        <v>134</v>
      </c>
      <c r="H15" s="2" t="s">
        <v>135</v>
      </c>
      <c r="I15" s="2" t="s">
        <v>136</v>
      </c>
      <c r="J15" s="2" t="s">
        <v>137</v>
      </c>
      <c r="K15" s="2" t="s">
        <v>40</v>
      </c>
    </row>
    <row r="16" spans="1:11" ht="25.5" x14ac:dyDescent="0.2">
      <c r="A16" s="2" t="s">
        <v>138</v>
      </c>
      <c r="B16" s="2" t="s">
        <v>139</v>
      </c>
      <c r="C16" s="2" t="s">
        <v>140</v>
      </c>
      <c r="D16" s="2" t="s">
        <v>141</v>
      </c>
      <c r="E16" s="2" t="s">
        <v>16</v>
      </c>
      <c r="F16" s="2" t="s">
        <v>142</v>
      </c>
      <c r="G16" s="2" t="s">
        <v>143</v>
      </c>
      <c r="H16" s="2" t="s">
        <v>144</v>
      </c>
      <c r="I16" s="2" t="s">
        <v>145</v>
      </c>
      <c r="J16" s="2" t="s">
        <v>146</v>
      </c>
      <c r="K16" s="2" t="s">
        <v>40</v>
      </c>
    </row>
    <row r="17" spans="1:11" x14ac:dyDescent="0.2">
      <c r="A17" s="2" t="s">
        <v>147</v>
      </c>
      <c r="B17" s="2" t="s">
        <v>148</v>
      </c>
      <c r="C17" s="2" t="s">
        <v>149</v>
      </c>
      <c r="D17" s="2" t="s">
        <v>34</v>
      </c>
      <c r="E17" s="2" t="s">
        <v>16</v>
      </c>
      <c r="F17" s="2" t="s">
        <v>35</v>
      </c>
      <c r="G17" s="2" t="s">
        <v>150</v>
      </c>
      <c r="H17" s="2" t="s">
        <v>151</v>
      </c>
      <c r="I17" s="2" t="s">
        <v>152</v>
      </c>
      <c r="J17" s="2" t="s">
        <v>153</v>
      </c>
      <c r="K17" s="2" t="s">
        <v>22</v>
      </c>
    </row>
    <row r="18" spans="1:11" ht="25.5" x14ac:dyDescent="0.2">
      <c r="A18" s="2" t="s">
        <v>154</v>
      </c>
      <c r="B18" s="2" t="s">
        <v>155</v>
      </c>
      <c r="C18" s="2" t="s">
        <v>156</v>
      </c>
      <c r="D18" s="2" t="s">
        <v>157</v>
      </c>
      <c r="E18" s="2" t="s">
        <v>16</v>
      </c>
      <c r="F18" s="2" t="s">
        <v>158</v>
      </c>
      <c r="G18" s="2" t="s">
        <v>159</v>
      </c>
      <c r="H18" s="2" t="s">
        <v>160</v>
      </c>
      <c r="I18" s="2" t="s">
        <v>161</v>
      </c>
      <c r="J18" s="2" t="s">
        <v>162</v>
      </c>
      <c r="K18" s="2" t="s">
        <v>40</v>
      </c>
    </row>
    <row r="19" spans="1:11" ht="25.5" x14ac:dyDescent="0.2">
      <c r="A19" s="2" t="s">
        <v>163</v>
      </c>
      <c r="B19" s="2" t="s">
        <v>164</v>
      </c>
      <c r="C19" s="2" t="s">
        <v>165</v>
      </c>
      <c r="D19" s="2" t="s">
        <v>34</v>
      </c>
      <c r="E19" s="2" t="s">
        <v>16</v>
      </c>
      <c r="F19" s="2" t="s">
        <v>166</v>
      </c>
      <c r="G19" s="2" t="s">
        <v>167</v>
      </c>
      <c r="H19" s="2" t="s">
        <v>168</v>
      </c>
      <c r="I19" s="2" t="s">
        <v>169</v>
      </c>
      <c r="J19" s="2" t="s">
        <v>170</v>
      </c>
      <c r="K19" s="2" t="s">
        <v>40</v>
      </c>
    </row>
    <row r="20" spans="1:11" ht="25.5" x14ac:dyDescent="0.2">
      <c r="A20" s="2" t="s">
        <v>171</v>
      </c>
      <c r="B20" s="2" t="s">
        <v>172</v>
      </c>
      <c r="C20" s="2" t="s">
        <v>173</v>
      </c>
      <c r="D20" s="2" t="s">
        <v>107</v>
      </c>
      <c r="E20" s="2" t="s">
        <v>16</v>
      </c>
      <c r="F20" s="2" t="s">
        <v>108</v>
      </c>
      <c r="G20" s="2" t="s">
        <v>174</v>
      </c>
      <c r="H20" s="2" t="s">
        <v>175</v>
      </c>
      <c r="I20" s="2" t="s">
        <v>176</v>
      </c>
      <c r="J20" s="2" t="s">
        <v>177</v>
      </c>
      <c r="K20" s="2" t="s">
        <v>178</v>
      </c>
    </row>
    <row r="21" spans="1:11" ht="25.5" x14ac:dyDescent="0.2">
      <c r="A21" s="2" t="s">
        <v>179</v>
      </c>
      <c r="B21" s="2" t="s">
        <v>180</v>
      </c>
      <c r="C21" s="2" t="s">
        <v>181</v>
      </c>
      <c r="D21" s="2" t="s">
        <v>157</v>
      </c>
      <c r="E21" s="2" t="s">
        <v>16</v>
      </c>
      <c r="F21" s="2" t="s">
        <v>158</v>
      </c>
      <c r="G21" s="2" t="s">
        <v>182</v>
      </c>
      <c r="H21" s="2" t="s">
        <v>183</v>
      </c>
      <c r="I21" s="2" t="s">
        <v>184</v>
      </c>
      <c r="J21" s="2" t="s">
        <v>185</v>
      </c>
      <c r="K21" s="2" t="s">
        <v>40</v>
      </c>
    </row>
    <row r="22" spans="1:11" ht="38.25" x14ac:dyDescent="0.2">
      <c r="A22" s="2" t="s">
        <v>186</v>
      </c>
      <c r="B22" s="2" t="s">
        <v>187</v>
      </c>
      <c r="C22" s="2" t="s">
        <v>188</v>
      </c>
      <c r="D22" s="2" t="s">
        <v>34</v>
      </c>
      <c r="E22" s="2" t="s">
        <v>16</v>
      </c>
      <c r="F22" s="2" t="s">
        <v>189</v>
      </c>
      <c r="G22" s="2" t="s">
        <v>190</v>
      </c>
      <c r="H22" s="2" t="s">
        <v>191</v>
      </c>
      <c r="I22" s="2" t="s">
        <v>192</v>
      </c>
      <c r="J22" s="2" t="s">
        <v>193</v>
      </c>
      <c r="K22" s="2" t="s">
        <v>194</v>
      </c>
    </row>
    <row r="23" spans="1:11" ht="25.5" x14ac:dyDescent="0.2">
      <c r="A23" s="2" t="s">
        <v>195</v>
      </c>
      <c r="B23" s="2" t="s">
        <v>196</v>
      </c>
      <c r="C23" s="2" t="s">
        <v>197</v>
      </c>
      <c r="D23" s="2" t="s">
        <v>107</v>
      </c>
      <c r="E23" s="2" t="s">
        <v>16</v>
      </c>
      <c r="F23" s="2" t="s">
        <v>108</v>
      </c>
      <c r="G23" s="2" t="s">
        <v>198</v>
      </c>
      <c r="H23" s="2" t="s">
        <v>199</v>
      </c>
      <c r="I23" s="2" t="s">
        <v>200</v>
      </c>
      <c r="J23" s="2" t="s">
        <v>201</v>
      </c>
      <c r="K23" s="2" t="s">
        <v>22</v>
      </c>
    </row>
    <row r="24" spans="1:11" x14ac:dyDescent="0.2">
      <c r="A24" s="2" t="s">
        <v>202</v>
      </c>
      <c r="B24" s="2" t="s">
        <v>203</v>
      </c>
      <c r="C24" s="2" t="s">
        <v>204</v>
      </c>
      <c r="D24" s="2" t="s">
        <v>205</v>
      </c>
      <c r="E24" s="2" t="s">
        <v>16</v>
      </c>
      <c r="F24" s="2" t="s">
        <v>206</v>
      </c>
      <c r="G24" s="2" t="s">
        <v>207</v>
      </c>
      <c r="H24" s="2" t="s">
        <v>208</v>
      </c>
      <c r="I24" s="2" t="s">
        <v>209</v>
      </c>
      <c r="J24" s="2" t="s">
        <v>210</v>
      </c>
      <c r="K24" s="2" t="s">
        <v>40</v>
      </c>
    </row>
    <row r="25" spans="1:11" ht="25.5" x14ac:dyDescent="0.2">
      <c r="A25" s="2" t="s">
        <v>211</v>
      </c>
      <c r="B25" s="2" t="s">
        <v>212</v>
      </c>
      <c r="C25" s="2" t="s">
        <v>213</v>
      </c>
      <c r="D25" s="2" t="s">
        <v>132</v>
      </c>
      <c r="E25" s="2" t="s">
        <v>16</v>
      </c>
      <c r="F25" s="2" t="s">
        <v>133</v>
      </c>
      <c r="G25" s="2" t="s">
        <v>214</v>
      </c>
      <c r="H25" s="2" t="s">
        <v>215</v>
      </c>
      <c r="I25" s="2" t="s">
        <v>216</v>
      </c>
      <c r="J25" s="2" t="s">
        <v>217</v>
      </c>
      <c r="K25" s="2" t="s">
        <v>22</v>
      </c>
    </row>
    <row r="26" spans="1:11" x14ac:dyDescent="0.2">
      <c r="A26" s="2" t="s">
        <v>218</v>
      </c>
      <c r="B26" s="2" t="s">
        <v>219</v>
      </c>
      <c r="C26" s="2" t="s">
        <v>220</v>
      </c>
      <c r="D26" s="2" t="s">
        <v>44</v>
      </c>
      <c r="E26" s="2" t="s">
        <v>16</v>
      </c>
      <c r="F26" s="2" t="s">
        <v>45</v>
      </c>
      <c r="G26" s="2" t="s">
        <v>221</v>
      </c>
      <c r="H26" s="2" t="s">
        <v>222</v>
      </c>
      <c r="I26" s="2" t="s">
        <v>223</v>
      </c>
      <c r="J26" s="2" t="s">
        <v>224</v>
      </c>
      <c r="K26" s="2" t="s">
        <v>40</v>
      </c>
    </row>
    <row r="27" spans="1:11" ht="25.5" x14ac:dyDescent="0.2">
      <c r="A27" s="2" t="s">
        <v>225</v>
      </c>
      <c r="B27" s="2" t="s">
        <v>226</v>
      </c>
      <c r="C27" s="2" t="s">
        <v>227</v>
      </c>
      <c r="D27" s="2" t="s">
        <v>228</v>
      </c>
      <c r="E27" s="2" t="s">
        <v>16</v>
      </c>
      <c r="F27" s="2" t="s">
        <v>229</v>
      </c>
      <c r="G27" s="2" t="s">
        <v>230</v>
      </c>
      <c r="H27" s="2" t="s">
        <v>231</v>
      </c>
      <c r="I27" s="2" t="s">
        <v>232</v>
      </c>
      <c r="J27" s="2" t="s">
        <v>233</v>
      </c>
      <c r="K27" s="2" t="s">
        <v>40</v>
      </c>
    </row>
    <row r="28" spans="1:11" x14ac:dyDescent="0.2">
      <c r="A28" s="2" t="s">
        <v>234</v>
      </c>
      <c r="B28" s="2" t="s">
        <v>235</v>
      </c>
      <c r="C28" s="2" t="s">
        <v>236</v>
      </c>
      <c r="D28" s="2" t="s">
        <v>237</v>
      </c>
      <c r="E28" s="2" t="s">
        <v>16</v>
      </c>
      <c r="F28" s="2" t="s">
        <v>238</v>
      </c>
      <c r="G28" s="2" t="s">
        <v>239</v>
      </c>
      <c r="H28" s="2" t="s">
        <v>240</v>
      </c>
      <c r="I28" s="2" t="s">
        <v>241</v>
      </c>
      <c r="J28" s="2" t="s">
        <v>242</v>
      </c>
      <c r="K28" s="2" t="s">
        <v>22</v>
      </c>
    </row>
    <row r="29" spans="1:11" x14ac:dyDescent="0.2">
      <c r="A29" s="2" t="s">
        <v>243</v>
      </c>
      <c r="B29" s="2" t="s">
        <v>244</v>
      </c>
      <c r="C29" s="2" t="s">
        <v>245</v>
      </c>
      <c r="D29" s="2" t="s">
        <v>205</v>
      </c>
      <c r="E29" s="2" t="s">
        <v>16</v>
      </c>
      <c r="F29" s="2" t="s">
        <v>206</v>
      </c>
      <c r="G29" s="2" t="s">
        <v>246</v>
      </c>
      <c r="H29" s="2" t="s">
        <v>247</v>
      </c>
      <c r="I29" s="2" t="s">
        <v>248</v>
      </c>
      <c r="J29" s="2" t="s">
        <v>249</v>
      </c>
      <c r="K29" s="2" t="s">
        <v>22</v>
      </c>
    </row>
    <row r="30" spans="1:11" ht="25.5" x14ac:dyDescent="0.2">
      <c r="A30" s="2" t="s">
        <v>250</v>
      </c>
      <c r="B30" s="2" t="s">
        <v>251</v>
      </c>
      <c r="C30" s="2" t="s">
        <v>252</v>
      </c>
      <c r="D30" s="2" t="s">
        <v>157</v>
      </c>
      <c r="E30" s="2" t="s">
        <v>16</v>
      </c>
      <c r="F30" s="2" t="s">
        <v>158</v>
      </c>
      <c r="G30" s="2" t="s">
        <v>253</v>
      </c>
      <c r="H30" s="2" t="s">
        <v>254</v>
      </c>
      <c r="I30" s="2" t="s">
        <v>255</v>
      </c>
      <c r="J30" s="2" t="s">
        <v>256</v>
      </c>
      <c r="K30" s="2" t="s">
        <v>40</v>
      </c>
    </row>
    <row r="31" spans="1:11" ht="25.5" x14ac:dyDescent="0.2">
      <c r="A31" s="2" t="s">
        <v>257</v>
      </c>
      <c r="B31" s="2" t="s">
        <v>258</v>
      </c>
      <c r="C31" s="2" t="s">
        <v>259</v>
      </c>
      <c r="D31" s="2" t="s">
        <v>260</v>
      </c>
      <c r="E31" s="2" t="s">
        <v>16</v>
      </c>
      <c r="F31" s="2" t="s">
        <v>261</v>
      </c>
      <c r="G31" s="2" t="s">
        <v>262</v>
      </c>
      <c r="H31" s="2" t="s">
        <v>263</v>
      </c>
      <c r="I31" s="2" t="s">
        <v>264</v>
      </c>
      <c r="J31" s="2" t="s">
        <v>265</v>
      </c>
      <c r="K31" s="2" t="s">
        <v>40</v>
      </c>
    </row>
    <row r="32" spans="1:11" x14ac:dyDescent="0.2">
      <c r="A32" s="2" t="s">
        <v>266</v>
      </c>
      <c r="B32" s="2" t="s">
        <v>267</v>
      </c>
      <c r="C32" s="2" t="s">
        <v>268</v>
      </c>
      <c r="D32" s="2" t="s">
        <v>269</v>
      </c>
      <c r="E32" s="2" t="s">
        <v>16</v>
      </c>
      <c r="F32" s="2" t="s">
        <v>270</v>
      </c>
      <c r="G32" s="2" t="s">
        <v>271</v>
      </c>
      <c r="H32" s="2" t="s">
        <v>272</v>
      </c>
      <c r="I32" s="2" t="s">
        <v>273</v>
      </c>
      <c r="J32" s="2" t="s">
        <v>274</v>
      </c>
      <c r="K32" s="2" t="s">
        <v>22</v>
      </c>
    </row>
    <row r="33" spans="1:11" x14ac:dyDescent="0.2">
      <c r="A33" s="2" t="s">
        <v>275</v>
      </c>
      <c r="B33" s="2" t="s">
        <v>276</v>
      </c>
      <c r="C33" s="2" t="s">
        <v>277</v>
      </c>
      <c r="D33" s="2" t="s">
        <v>90</v>
      </c>
      <c r="E33" s="2" t="s">
        <v>16</v>
      </c>
      <c r="F33" s="2" t="s">
        <v>91</v>
      </c>
      <c r="G33" s="2" t="s">
        <v>278</v>
      </c>
      <c r="H33" s="2" t="s">
        <v>279</v>
      </c>
      <c r="I33" s="2" t="s">
        <v>280</v>
      </c>
      <c r="J33" s="2" t="s">
        <v>281</v>
      </c>
      <c r="K33" s="2" t="s">
        <v>40</v>
      </c>
    </row>
    <row r="34" spans="1:11" ht="25.5" x14ac:dyDescent="0.2">
      <c r="A34" s="2" t="s">
        <v>282</v>
      </c>
      <c r="B34" s="2" t="s">
        <v>283</v>
      </c>
      <c r="C34" s="2" t="s">
        <v>284</v>
      </c>
      <c r="D34" s="2" t="s">
        <v>107</v>
      </c>
      <c r="E34" s="2" t="s">
        <v>16</v>
      </c>
      <c r="F34" s="2" t="s">
        <v>108</v>
      </c>
      <c r="G34" s="2" t="s">
        <v>285</v>
      </c>
      <c r="H34" s="2" t="s">
        <v>286</v>
      </c>
      <c r="I34" s="2" t="s">
        <v>287</v>
      </c>
      <c r="J34" s="2" t="s">
        <v>288</v>
      </c>
      <c r="K34" s="2" t="s">
        <v>40</v>
      </c>
    </row>
    <row r="35" spans="1:11" x14ac:dyDescent="0.2">
      <c r="A35" s="2" t="s">
        <v>289</v>
      </c>
      <c r="B35" s="2" t="s">
        <v>290</v>
      </c>
      <c r="C35" s="2" t="s">
        <v>291</v>
      </c>
      <c r="D35" s="2" t="s">
        <v>292</v>
      </c>
      <c r="E35" s="2" t="s">
        <v>16</v>
      </c>
      <c r="F35" s="2" t="s">
        <v>293</v>
      </c>
      <c r="G35" s="2" t="s">
        <v>294</v>
      </c>
      <c r="H35" s="2" t="s">
        <v>295</v>
      </c>
      <c r="I35" s="2" t="s">
        <v>296</v>
      </c>
      <c r="J35" s="2" t="s">
        <v>297</v>
      </c>
      <c r="K35" s="2" t="s">
        <v>22</v>
      </c>
    </row>
    <row r="36" spans="1:11" ht="25.5" x14ac:dyDescent="0.2">
      <c r="A36" s="2" t="s">
        <v>298</v>
      </c>
      <c r="B36" s="2" t="s">
        <v>299</v>
      </c>
      <c r="C36" s="2" t="s">
        <v>300</v>
      </c>
      <c r="D36" s="2" t="s">
        <v>301</v>
      </c>
      <c r="E36" s="2" t="s">
        <v>16</v>
      </c>
      <c r="F36" s="2" t="s">
        <v>302</v>
      </c>
      <c r="G36" s="2" t="s">
        <v>303</v>
      </c>
      <c r="H36" s="2" t="s">
        <v>304</v>
      </c>
      <c r="I36" s="2" t="s">
        <v>305</v>
      </c>
      <c r="J36" s="2" t="s">
        <v>306</v>
      </c>
      <c r="K36" s="2" t="s">
        <v>22</v>
      </c>
    </row>
  </sheetData>
  <pageMargins left="0.75" right="0.75" top="1" bottom="1" header="0.5" footer="0.5"/>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CHW Services Benefit Provider I</vt:lpstr>
      <vt:lpstr>CHW Services Benefi - Data List</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Mohanarasu Sivaprakasam</cp:lastModifiedBy>
  <dcterms:created xsi:type="dcterms:W3CDTF">2025-11-03T19:33:51Z</dcterms:created>
  <dcterms:modified xsi:type="dcterms:W3CDTF">2025-11-03T19:33:51Z</dcterms:modified>
</cp:coreProperties>
</file>